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731"/>
  <workbookPr/>
  <mc:AlternateContent xmlns:mc="http://schemas.openxmlformats.org/markup-compatibility/2006">
    <mc:Choice Requires="x15">
      <x15ac:absPath xmlns:x15ac="http://schemas.microsoft.com/office/spreadsheetml/2010/11/ac" url="\\intra-mbw2-fs01.intra.city.sapporo.jp\cifs_vol01\FolderRedirects\s980077\Desktop\060318保険者機能強化hp検討\hp掲載ファイル\"/>
    </mc:Choice>
  </mc:AlternateContent>
  <xr:revisionPtr revIDLastSave="0" documentId="13_ncr:1_{E58045B6-2F23-48B9-B678-EEE56D902829}" xr6:coauthVersionLast="47" xr6:coauthVersionMax="47" xr10:uidLastSave="{00000000-0000-0000-0000-000000000000}"/>
  <bookViews>
    <workbookView xWindow="9390" yWindow="630" windowWidth="15255" windowHeight="14895" tabRatio="829" xr2:uid="{00000000-000D-0000-FFFF-FFFF00000000}"/>
  </bookViews>
  <sheets>
    <sheet name="総括表(推進＋支援）" sheetId="5" r:id="rId1"/>
  </sheets>
  <definedNames>
    <definedName name="_xlnm._FilterDatabase" localSheetId="0" hidden="1">'総括表(推進＋支援）'!$A$11:$KD$12</definedName>
    <definedName name="_xlnm.Print_Area" localSheetId="0">'総括表(推進＋支援）'!$A$1:$KD$12</definedName>
    <definedName name="_xlnm.Print_Titles" localSheetId="0">'総括表(推進＋支援）'!$A:$A,'総括表(推進＋支援）'!#REF!</definedName>
    <definedName name="愛知県">#REF!</definedName>
    <definedName name="愛媛県">#REF!</definedName>
    <definedName name="茨城県">#REF!</definedName>
    <definedName name="岡山県">#REF!</definedName>
    <definedName name="沖縄県">#REF!</definedName>
    <definedName name="岩手県">#REF!</definedName>
    <definedName name="岐阜県">#REF!</definedName>
    <definedName name="宮崎県">#REF!</definedName>
    <definedName name="宮城県">#REF!</definedName>
    <definedName name="京都府">#REF!</definedName>
    <definedName name="熊本県">#REF!</definedName>
    <definedName name="群馬県">#REF!</definedName>
    <definedName name="広島県">#REF!</definedName>
    <definedName name="香川県">#REF!</definedName>
    <definedName name="高知県">#REF!</definedName>
    <definedName name="佐賀県">#REF!</definedName>
    <definedName name="埼玉県">#REF!</definedName>
    <definedName name="三重県">#REF!</definedName>
    <definedName name="山形県">#REF!</definedName>
    <definedName name="山口県">#REF!</definedName>
    <definedName name="山梨県">#REF!</definedName>
    <definedName name="市町村">#REF!</definedName>
    <definedName name="市町村名">#REF!,#REF!</definedName>
    <definedName name="滋賀県">#REF!</definedName>
    <definedName name="鹿児島県">#REF!</definedName>
    <definedName name="秋田県">#REF!</definedName>
    <definedName name="新潟県">#REF!</definedName>
    <definedName name="神奈川県">#REF!</definedName>
    <definedName name="青森県">#REF!</definedName>
    <definedName name="静岡県">#REF!</definedName>
    <definedName name="石川県">#REF!</definedName>
    <definedName name="千葉県">#REF!</definedName>
    <definedName name="大阪府">#REF!</definedName>
    <definedName name="大分県">#REF!</definedName>
    <definedName name="長崎県">#REF!</definedName>
    <definedName name="長野県">#REF!</definedName>
    <definedName name="鳥取県">#REF!</definedName>
    <definedName name="都道府県">#REF!</definedName>
    <definedName name="都道府県名">#REF!</definedName>
    <definedName name="島根県">#REF!</definedName>
    <definedName name="東京都">#REF!</definedName>
    <definedName name="徳島県">#REF!</definedName>
    <definedName name="栃木県">#REF!</definedName>
    <definedName name="奈良県">#REF!</definedName>
    <definedName name="富山県">#REF!</definedName>
    <definedName name="福井県">#REF!</definedName>
    <definedName name="福岡県">#REF!</definedName>
    <definedName name="福島県">#REF!</definedName>
    <definedName name="兵庫県">#REF!</definedName>
    <definedName name="北海道">#REF!</definedName>
    <definedName name="和歌山県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W7" i="5" l="1"/>
  <c r="JZ7" i="5" s="1"/>
  <c r="JV7" i="5"/>
  <c r="IW7" i="5"/>
  <c r="JY7" i="5" l="1"/>
  <c r="KA7" i="5" s="1"/>
  <c r="JX7" i="5"/>
  <c r="IX7" i="5"/>
  <c r="HT7" i="5"/>
  <c r="HS7" i="5"/>
  <c r="GK7" i="5"/>
  <c r="GJ7" i="5"/>
  <c r="FS7" i="5"/>
  <c r="FR7" i="5"/>
  <c r="DT7" i="5"/>
  <c r="DS7" i="5"/>
  <c r="CW7" i="5"/>
  <c r="CV7" i="5"/>
  <c r="BZ7" i="5"/>
  <c r="BY7" i="5"/>
  <c r="CA7" i="5" s="1"/>
  <c r="BB7" i="5"/>
  <c r="FT7" i="5" l="1"/>
  <c r="GL7" i="5"/>
  <c r="HU7" i="5"/>
  <c r="DU7" i="5"/>
  <c r="HV7" i="5"/>
  <c r="CX7" i="5"/>
  <c r="BC7" i="5"/>
  <c r="HW7" i="5"/>
  <c r="HX7" i="5" l="1"/>
  <c r="AF7" i="5"/>
  <c r="KC7" i="5" s="1"/>
  <c r="AE7" i="5"/>
  <c r="KB7" i="5" s="1"/>
  <c r="KD7" i="5" l="1"/>
  <c r="AG7" i="5"/>
</calcChain>
</file>

<file path=xl/sharedStrings.xml><?xml version="1.0" encoding="utf-8"?>
<sst xmlns="http://schemas.openxmlformats.org/spreadsheetml/2006/main" count="551" uniqueCount="81">
  <si>
    <t>交付金</t>
    <rPh sb="0" eb="3">
      <t>コウフキン</t>
    </rPh>
    <phoneticPr fontId="12"/>
  </si>
  <si>
    <t>札幌市</t>
  </si>
  <si>
    <t>①</t>
    <phoneticPr fontId="12"/>
  </si>
  <si>
    <t>②</t>
    <phoneticPr fontId="12"/>
  </si>
  <si>
    <t>③</t>
    <phoneticPr fontId="12"/>
  </si>
  <si>
    <t>④</t>
    <phoneticPr fontId="12"/>
  </si>
  <si>
    <t>⑤</t>
    <phoneticPr fontId="12"/>
  </si>
  <si>
    <t>⑥</t>
    <phoneticPr fontId="12"/>
  </si>
  <si>
    <t>⑦</t>
    <phoneticPr fontId="12"/>
  </si>
  <si>
    <t>⑧</t>
    <phoneticPr fontId="12"/>
  </si>
  <si>
    <t>ア</t>
    <phoneticPr fontId="12"/>
  </si>
  <si>
    <t>イ</t>
    <phoneticPr fontId="12"/>
  </si>
  <si>
    <t>ウ</t>
    <phoneticPr fontId="12"/>
  </si>
  <si>
    <t>エ</t>
    <phoneticPr fontId="12"/>
  </si>
  <si>
    <t>オ</t>
    <phoneticPr fontId="12"/>
  </si>
  <si>
    <t>カ</t>
    <phoneticPr fontId="12"/>
  </si>
  <si>
    <t>キ</t>
    <phoneticPr fontId="12"/>
  </si>
  <si>
    <t>ク</t>
    <phoneticPr fontId="12"/>
  </si>
  <si>
    <t>ケ</t>
    <phoneticPr fontId="12"/>
  </si>
  <si>
    <t>コ</t>
    <phoneticPr fontId="12"/>
  </si>
  <si>
    <t>回答方法</t>
    <rPh sb="0" eb="2">
      <t>カイトウ</t>
    </rPh>
    <rPh sb="2" eb="4">
      <t>ホウホウ</t>
    </rPh>
    <phoneticPr fontId="12"/>
  </si>
  <si>
    <t>複数選択可</t>
    <rPh sb="0" eb="2">
      <t>フクスウ</t>
    </rPh>
    <rPh sb="2" eb="5">
      <t>センタクカ</t>
    </rPh>
    <phoneticPr fontId="12"/>
  </si>
  <si>
    <t>Ⅰ　ＰＤＣＡサイクルの活用による保険者機能の強化に向けた体制等の構築</t>
    <phoneticPr fontId="12"/>
  </si>
  <si>
    <t>支援</t>
    <rPh sb="0" eb="2">
      <t>シエン</t>
    </rPh>
    <phoneticPr fontId="10"/>
  </si>
  <si>
    <t>Ⅱ　自立支援、重度化防止等に資する施策の推進</t>
    <phoneticPr fontId="11"/>
  </si>
  <si>
    <t>（１）介護支援専門員・介護サービス事業所等</t>
    <phoneticPr fontId="12"/>
  </si>
  <si>
    <t>（２）地域包括支援センター・地域ケア会議</t>
    <phoneticPr fontId="12"/>
  </si>
  <si>
    <t>（３）在宅医療・介護連携</t>
    <phoneticPr fontId="10"/>
  </si>
  <si>
    <t>（４）認知症総合支援</t>
    <phoneticPr fontId="11"/>
  </si>
  <si>
    <t>⑩</t>
    <phoneticPr fontId="12"/>
  </si>
  <si>
    <t>⑪</t>
    <phoneticPr fontId="12"/>
  </si>
  <si>
    <t>⑫</t>
    <phoneticPr fontId="12"/>
  </si>
  <si>
    <t>（５）介護予防／日常生活支援</t>
    <phoneticPr fontId="12"/>
  </si>
  <si>
    <t>　</t>
    <phoneticPr fontId="12"/>
  </si>
  <si>
    <t>⑨</t>
    <phoneticPr fontId="12"/>
  </si>
  <si>
    <t>a</t>
    <phoneticPr fontId="12"/>
  </si>
  <si>
    <t>b</t>
    <phoneticPr fontId="10"/>
  </si>
  <si>
    <t>c</t>
    <phoneticPr fontId="10"/>
  </si>
  <si>
    <t>d</t>
    <phoneticPr fontId="10"/>
  </si>
  <si>
    <t>a</t>
    <phoneticPr fontId="10"/>
  </si>
  <si>
    <t>Ⅲ　介護保険運営の安定化に資する施策の推進</t>
  </si>
  <si>
    <t>（１）介護給付の適正化等</t>
    <phoneticPr fontId="12"/>
  </si>
  <si>
    <t>（２）介護人材の確保</t>
    <phoneticPr fontId="12"/>
  </si>
  <si>
    <t>合計</t>
    <rPh sb="0" eb="2">
      <t>ゴウケイ</t>
    </rPh>
    <phoneticPr fontId="12"/>
  </si>
  <si>
    <t>Ⅰ　　合計</t>
    <rPh sb="3" eb="5">
      <t>ゴウケイ</t>
    </rPh>
    <phoneticPr fontId="12"/>
  </si>
  <si>
    <t>小計</t>
    <rPh sb="0" eb="2">
      <t>ショウケイ</t>
    </rPh>
    <phoneticPr fontId="12"/>
  </si>
  <si>
    <t>Ⅱ　　合計</t>
    <rPh sb="3" eb="5">
      <t>ゴウケイ</t>
    </rPh>
    <phoneticPr fontId="12"/>
  </si>
  <si>
    <t>Ⅲ　　合計</t>
    <rPh sb="3" eb="5">
      <t>ゴウケイ</t>
    </rPh>
    <phoneticPr fontId="12"/>
  </si>
  <si>
    <t>推進交付金計</t>
    <rPh sb="0" eb="2">
      <t>スイシン</t>
    </rPh>
    <rPh sb="2" eb="5">
      <t>コウフキン</t>
    </rPh>
    <rPh sb="5" eb="6">
      <t>ケイ</t>
    </rPh>
    <phoneticPr fontId="12"/>
  </si>
  <si>
    <t>支援交付金計</t>
    <rPh sb="0" eb="2">
      <t>シエン</t>
    </rPh>
    <rPh sb="2" eb="5">
      <t>コウフキン</t>
    </rPh>
    <rPh sb="5" eb="6">
      <t>ケイ</t>
    </rPh>
    <phoneticPr fontId="12"/>
  </si>
  <si>
    <t>Ⅰ　　推進計</t>
    <rPh sb="3" eb="5">
      <t>スイシン</t>
    </rPh>
    <rPh sb="5" eb="6">
      <t>コウケイ</t>
    </rPh>
    <phoneticPr fontId="12"/>
  </si>
  <si>
    <t>Ⅰ　　支援計</t>
    <rPh sb="3" eb="5">
      <t>シエン</t>
    </rPh>
    <rPh sb="5" eb="6">
      <t>コウケイ</t>
    </rPh>
    <phoneticPr fontId="12"/>
  </si>
  <si>
    <t>Ⅱ　　推進計</t>
    <rPh sb="3" eb="5">
      <t>スイシン</t>
    </rPh>
    <rPh sb="5" eb="6">
      <t>コウケイ</t>
    </rPh>
    <phoneticPr fontId="12"/>
  </si>
  <si>
    <t>Ⅱ　　支援計</t>
    <rPh sb="3" eb="5">
      <t>シエン</t>
    </rPh>
    <rPh sb="5" eb="6">
      <t>コウケイ</t>
    </rPh>
    <phoneticPr fontId="12"/>
  </si>
  <si>
    <t>Ⅲ　　推進計</t>
    <rPh sb="3" eb="5">
      <t>スイシン</t>
    </rPh>
    <rPh sb="5" eb="6">
      <t>コウケイ</t>
    </rPh>
    <phoneticPr fontId="12"/>
  </si>
  <si>
    <t>Ⅲ　　支援計</t>
    <rPh sb="3" eb="5">
      <t>シエン</t>
    </rPh>
    <rPh sb="5" eb="6">
      <t>コウケイ</t>
    </rPh>
    <phoneticPr fontId="12"/>
  </si>
  <si>
    <t>（６）生活支援体制の整備</t>
    <rPh sb="3" eb="5">
      <t>セイカツ</t>
    </rPh>
    <rPh sb="5" eb="7">
      <t>シエン</t>
    </rPh>
    <rPh sb="7" eb="9">
      <t>タイセイ</t>
    </rPh>
    <rPh sb="10" eb="12">
      <t>セイビ</t>
    </rPh>
    <phoneticPr fontId="11"/>
  </si>
  <si>
    <t>（７）要介護状態の維持・改善の状況等</t>
    <rPh sb="3" eb="6">
      <t>ヨウカイゴ</t>
    </rPh>
    <rPh sb="6" eb="8">
      <t>ジョウタイ</t>
    </rPh>
    <rPh sb="9" eb="11">
      <t>イジ</t>
    </rPh>
    <rPh sb="12" eb="14">
      <t>カイゼン</t>
    </rPh>
    <rPh sb="15" eb="17">
      <t>ジョウキョウ</t>
    </rPh>
    <rPh sb="17" eb="18">
      <t>トウ</t>
    </rPh>
    <phoneticPr fontId="12"/>
  </si>
  <si>
    <t>③</t>
    <phoneticPr fontId="10"/>
  </si>
  <si>
    <t>　⑦</t>
    <phoneticPr fontId="12"/>
  </si>
  <si>
    <t>ア</t>
    <phoneticPr fontId="10"/>
  </si>
  <si>
    <t>イ</t>
    <phoneticPr fontId="10"/>
  </si>
  <si>
    <t>ウ</t>
    <phoneticPr fontId="10"/>
  </si>
  <si>
    <t>エ</t>
    <phoneticPr fontId="10"/>
  </si>
  <si>
    <t>複数選択可</t>
    <rPh sb="0" eb="2">
      <t>フクスウ</t>
    </rPh>
    <rPh sb="2" eb="5">
      <t>センタクカ</t>
    </rPh>
    <phoneticPr fontId="10"/>
  </si>
  <si>
    <t>②</t>
    <phoneticPr fontId="10"/>
  </si>
  <si>
    <t>ア</t>
    <phoneticPr fontId="10"/>
  </si>
  <si>
    <t>イ</t>
    <phoneticPr fontId="10"/>
  </si>
  <si>
    <t>ウ</t>
    <phoneticPr fontId="10"/>
  </si>
  <si>
    <t>エ</t>
    <phoneticPr fontId="10"/>
  </si>
  <si>
    <t>支援</t>
    <rPh sb="0" eb="2">
      <t>シエン</t>
    </rPh>
    <phoneticPr fontId="10"/>
  </si>
  <si>
    <t>④</t>
    <phoneticPr fontId="10"/>
  </si>
  <si>
    <t>推進交付金計</t>
    <rPh sb="0" eb="2">
      <t>スイシン</t>
    </rPh>
    <rPh sb="2" eb="5">
      <t>コウフキン</t>
    </rPh>
    <rPh sb="5" eb="6">
      <t>ケイ</t>
    </rPh>
    <phoneticPr fontId="10"/>
  </si>
  <si>
    <t>支援交付金計</t>
    <rPh sb="0" eb="2">
      <t>シエン</t>
    </rPh>
    <rPh sb="2" eb="5">
      <t>コウフキン</t>
    </rPh>
    <rPh sb="5" eb="6">
      <t>ケイ</t>
    </rPh>
    <phoneticPr fontId="10"/>
  </si>
  <si>
    <t>小計</t>
    <rPh sb="0" eb="2">
      <t>ショウケイ</t>
    </rPh>
    <phoneticPr fontId="10"/>
  </si>
  <si>
    <t>サ</t>
    <phoneticPr fontId="10"/>
  </si>
  <si>
    <t>配点（推進）</t>
    <rPh sb="0" eb="2">
      <t>ハイテン</t>
    </rPh>
    <rPh sb="3" eb="5">
      <t>スイシン</t>
    </rPh>
    <phoneticPr fontId="10"/>
  </si>
  <si>
    <t>配点（支援）</t>
    <rPh sb="0" eb="2">
      <t>ハイテン</t>
    </rPh>
    <rPh sb="3" eb="5">
      <t>シエン</t>
    </rPh>
    <phoneticPr fontId="10"/>
  </si>
  <si>
    <t>第１号被保険者数</t>
    <phoneticPr fontId="10"/>
  </si>
  <si>
    <t>0</t>
  </si>
  <si>
    <t>■令和５年度保険者機能強化推進交付金・介護保険保険者努力支援交付金（市町村分）評価結果</t>
    <rPh sb="1" eb="3">
      <t>レイワ</t>
    </rPh>
    <rPh sb="4" eb="6">
      <t>ネンド</t>
    </rPh>
    <rPh sb="34" eb="37">
      <t>シチョウソン</t>
    </rPh>
    <rPh sb="37" eb="38">
      <t>ブン</t>
    </rPh>
    <rPh sb="39" eb="41">
      <t>ヒョウカ</t>
    </rPh>
    <rPh sb="41" eb="43">
      <t>ケッカ</t>
    </rPh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 "/>
    <numFmt numFmtId="177" formatCode="#,##0_);[Red]\(#,##0\)"/>
  </numFmts>
  <fonts count="20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</font>
    <font>
      <sz val="6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22"/>
      <name val="ＭＳ Ｐゴシック"/>
      <family val="3"/>
      <charset val="128"/>
      <scheme val="minor"/>
    </font>
    <font>
      <sz val="22"/>
      <name val="ＭＳ Ｐゴシック"/>
      <family val="3"/>
      <charset val="128"/>
    </font>
    <font>
      <sz val="11"/>
      <color theme="1"/>
      <name val="ＭＳ Ｐゴシック"/>
      <family val="2"/>
      <charset val="128"/>
    </font>
  </fonts>
  <fills count="21">
    <fill>
      <patternFill patternType="none"/>
    </fill>
    <fill>
      <patternFill patternType="gray125"/>
    </fill>
    <fill>
      <patternFill patternType="solid">
        <fgColor rgb="FFCCFFCC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E2EFDA"/>
        <bgColor indexed="64"/>
      </patternFill>
    </fill>
    <fill>
      <patternFill patternType="solid">
        <fgColor rgb="FFDDEBF7"/>
        <bgColor indexed="64"/>
      </patternFill>
    </fill>
    <fill>
      <patternFill patternType="solid">
        <fgColor rgb="FFFCE4D6"/>
        <bgColor indexed="64"/>
      </patternFill>
    </fill>
    <fill>
      <patternFill patternType="solid">
        <fgColor rgb="FFFFF2CC"/>
        <bgColor indexed="64"/>
      </patternFill>
    </fill>
    <fill>
      <patternFill patternType="solid">
        <fgColor rgb="FFA9D08E"/>
        <bgColor indexed="64"/>
      </patternFill>
    </fill>
    <fill>
      <patternFill patternType="solid">
        <fgColor rgb="FF9BC2E6"/>
        <bgColor indexed="64"/>
      </patternFill>
    </fill>
  </fills>
  <borders count="138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double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double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hair">
        <color auto="1"/>
      </bottom>
      <diagonal/>
    </border>
    <border>
      <left style="medium">
        <color indexed="64"/>
      </left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 style="medium">
        <color indexed="64"/>
      </left>
      <right/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 style="double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double">
        <color indexed="64"/>
      </left>
      <right/>
      <top/>
      <bottom style="thin">
        <color auto="1"/>
      </bottom>
      <diagonal/>
    </border>
    <border>
      <left style="double">
        <color indexed="64"/>
      </left>
      <right/>
      <top style="thin">
        <color indexed="64"/>
      </top>
      <bottom style="hair">
        <color auto="1"/>
      </bottom>
      <diagonal/>
    </border>
    <border>
      <left/>
      <right style="double">
        <color indexed="64"/>
      </right>
      <top style="thin">
        <color indexed="64"/>
      </top>
      <bottom style="hair">
        <color auto="1"/>
      </bottom>
      <diagonal/>
    </border>
    <border>
      <left/>
      <right style="medium">
        <color indexed="64"/>
      </right>
      <top style="thin">
        <color auto="1"/>
      </top>
      <bottom style="hair">
        <color auto="1"/>
      </bottom>
      <diagonal/>
    </border>
    <border>
      <left style="double">
        <color indexed="64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 style="medium">
        <color indexed="64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double">
        <color indexed="64"/>
      </right>
      <top style="hair">
        <color auto="1"/>
      </top>
      <bottom/>
      <diagonal/>
    </border>
    <border>
      <left style="hair">
        <color auto="1"/>
      </left>
      <right style="medium">
        <color indexed="64"/>
      </right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 style="thin">
        <color auto="1"/>
      </right>
      <top/>
      <bottom/>
      <diagonal/>
    </border>
    <border>
      <left/>
      <right style="hair">
        <color auto="1"/>
      </right>
      <top/>
      <bottom/>
      <diagonal/>
    </border>
    <border>
      <left style="double">
        <color indexed="64"/>
      </left>
      <right style="hair">
        <color auto="1"/>
      </right>
      <top style="hair">
        <color auto="1"/>
      </top>
      <bottom style="double">
        <color indexed="64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double">
        <color indexed="64"/>
      </bottom>
      <diagonal/>
    </border>
    <border>
      <left style="hair">
        <color auto="1"/>
      </left>
      <right/>
      <top style="hair">
        <color auto="1"/>
      </top>
      <bottom style="double">
        <color indexed="64"/>
      </bottom>
      <diagonal/>
    </border>
    <border>
      <left style="medium">
        <color indexed="64"/>
      </left>
      <right style="hair">
        <color auto="1"/>
      </right>
      <top style="hair">
        <color auto="1"/>
      </top>
      <bottom style="double">
        <color indexed="64"/>
      </bottom>
      <diagonal/>
    </border>
    <border>
      <left style="hair">
        <color auto="1"/>
      </left>
      <right style="double">
        <color indexed="64"/>
      </right>
      <top style="hair">
        <color auto="1"/>
      </top>
      <bottom style="double">
        <color indexed="64"/>
      </bottom>
      <diagonal/>
    </border>
    <border>
      <left style="hair">
        <color auto="1"/>
      </left>
      <right style="medium">
        <color indexed="64"/>
      </right>
      <top style="hair">
        <color auto="1"/>
      </top>
      <bottom style="double">
        <color indexed="64"/>
      </bottom>
      <diagonal/>
    </border>
    <border>
      <left/>
      <right style="hair">
        <color auto="1"/>
      </right>
      <top style="hair">
        <color auto="1"/>
      </top>
      <bottom style="double">
        <color indexed="64"/>
      </bottom>
      <diagonal/>
    </border>
    <border>
      <left style="hair">
        <color auto="1"/>
      </left>
      <right/>
      <top/>
      <bottom/>
      <diagonal/>
    </border>
    <border>
      <left style="double">
        <color indexed="64"/>
      </left>
      <right/>
      <top style="double">
        <color indexed="64"/>
      </top>
      <bottom style="hair">
        <color auto="1"/>
      </bottom>
      <diagonal/>
    </border>
    <border>
      <left/>
      <right/>
      <top style="double">
        <color indexed="64"/>
      </top>
      <bottom style="hair">
        <color auto="1"/>
      </bottom>
      <diagonal/>
    </border>
    <border>
      <left style="medium">
        <color auto="1"/>
      </left>
      <right/>
      <top style="double">
        <color indexed="64"/>
      </top>
      <bottom style="hair">
        <color auto="1"/>
      </bottom>
      <diagonal/>
    </border>
    <border>
      <left/>
      <right style="double">
        <color indexed="64"/>
      </right>
      <top style="double">
        <color indexed="64"/>
      </top>
      <bottom style="hair">
        <color auto="1"/>
      </bottom>
      <diagonal/>
    </border>
    <border>
      <left style="medium">
        <color indexed="64"/>
      </left>
      <right style="double">
        <color indexed="64"/>
      </right>
      <top style="hair">
        <color auto="1"/>
      </top>
      <bottom style="hair">
        <color indexed="64"/>
      </bottom>
      <diagonal/>
    </border>
    <border>
      <left style="double">
        <color indexed="64"/>
      </left>
      <right style="hair">
        <color auto="1"/>
      </right>
      <top style="hair">
        <color auto="1"/>
      </top>
      <bottom style="hair">
        <color indexed="64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hair">
        <color indexed="64"/>
      </right>
      <top style="hair">
        <color auto="1"/>
      </top>
      <bottom style="hair">
        <color indexed="64"/>
      </bottom>
      <diagonal/>
    </border>
    <border>
      <left style="hair">
        <color auto="1"/>
      </left>
      <right style="double">
        <color indexed="64"/>
      </right>
      <top style="hair">
        <color auto="1"/>
      </top>
      <bottom style="hair">
        <color auto="1"/>
      </bottom>
      <diagonal/>
    </border>
    <border>
      <left/>
      <right style="medium">
        <color indexed="64"/>
      </right>
      <top style="hair">
        <color auto="1"/>
      </top>
      <bottom style="hair">
        <color indexed="64"/>
      </bottom>
      <diagonal/>
    </border>
    <border>
      <left/>
      <right style="double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auto="1"/>
      </top>
      <bottom/>
      <diagonal/>
    </border>
    <border>
      <left/>
      <right style="medium">
        <color indexed="64"/>
      </right>
      <top style="hair">
        <color auto="1"/>
      </top>
      <bottom style="double">
        <color indexed="64"/>
      </bottom>
      <diagonal/>
    </border>
    <border>
      <left style="double">
        <color indexed="64"/>
      </left>
      <right style="hair">
        <color auto="1"/>
      </right>
      <top/>
      <bottom/>
      <diagonal/>
    </border>
    <border>
      <left style="hair">
        <color auto="1"/>
      </left>
      <right style="double">
        <color indexed="64"/>
      </right>
      <top/>
      <bottom/>
      <diagonal/>
    </border>
    <border>
      <left style="hair">
        <color auto="1"/>
      </left>
      <right style="medium">
        <color indexed="64"/>
      </right>
      <top/>
      <bottom/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double">
        <color indexed="64"/>
      </left>
      <right style="hair">
        <color auto="1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 style="hair">
        <color auto="1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auto="1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auto="1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auto="1"/>
      </left>
      <right style="thin">
        <color indexed="64"/>
      </right>
      <top style="hair">
        <color auto="1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auto="1"/>
      </bottom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auto="1"/>
      </top>
      <bottom/>
      <diagonal/>
    </border>
    <border>
      <left style="medium">
        <color indexed="64"/>
      </left>
      <right style="double">
        <color indexed="64"/>
      </right>
      <top/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/>
      <diagonal/>
    </border>
    <border>
      <left style="medium">
        <color indexed="64"/>
      </left>
      <right style="double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ck">
        <color indexed="64"/>
      </top>
      <bottom/>
      <diagonal/>
    </border>
    <border>
      <left style="medium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ck">
        <color indexed="64"/>
      </right>
      <top/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 style="medium">
        <color indexed="64"/>
      </right>
      <top/>
      <bottom style="double">
        <color indexed="64"/>
      </bottom>
      <diagonal/>
    </border>
    <border>
      <left style="double">
        <color indexed="64"/>
      </left>
      <right/>
      <top style="thin">
        <color auto="1"/>
      </top>
      <bottom style="thin">
        <color indexed="64"/>
      </bottom>
      <diagonal/>
    </border>
    <border>
      <left/>
      <right style="double">
        <color indexed="64"/>
      </right>
      <top style="thin">
        <color auto="1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auto="1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 style="double">
        <color indexed="64"/>
      </left>
      <right/>
      <top/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 style="hair">
        <color auto="1"/>
      </top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 style="hair">
        <color auto="1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auto="1"/>
      </left>
      <right style="hair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hair">
        <color auto="1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 style="double">
        <color indexed="64"/>
      </right>
      <top style="hair">
        <color auto="1"/>
      </top>
      <bottom/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double">
        <color indexed="64"/>
      </left>
      <right style="hair">
        <color auto="1"/>
      </right>
      <top/>
      <bottom style="hair">
        <color indexed="64"/>
      </bottom>
      <diagonal/>
    </border>
    <border>
      <left style="hair">
        <color auto="1"/>
      </left>
      <right style="double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 style="double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 diagonalUp="1">
      <left style="double">
        <color indexed="64"/>
      </left>
      <right style="double">
        <color indexed="64"/>
      </right>
      <top style="double">
        <color indexed="64"/>
      </top>
      <bottom/>
      <diagonal style="double">
        <color indexed="64"/>
      </diagonal>
    </border>
    <border diagonalUp="1">
      <left style="double">
        <color indexed="64"/>
      </left>
      <right style="double">
        <color indexed="64"/>
      </right>
      <top/>
      <bottom style="double">
        <color indexed="64"/>
      </bottom>
      <diagonal style="double">
        <color indexed="64"/>
      </diagonal>
    </border>
    <border diagonalUp="1">
      <left style="double">
        <color indexed="64"/>
      </left>
      <right style="double">
        <color indexed="64"/>
      </right>
      <top/>
      <bottom style="hair">
        <color indexed="64"/>
      </bottom>
      <diagonal style="double">
        <color indexed="64"/>
      </diagonal>
    </border>
    <border>
      <left/>
      <right style="medium">
        <color indexed="64"/>
      </right>
      <top style="double">
        <color indexed="64"/>
      </top>
      <bottom/>
      <diagonal/>
    </border>
    <border>
      <left style="hair">
        <color auto="1"/>
      </left>
      <right style="thin">
        <color auto="1"/>
      </right>
      <top style="hair">
        <color auto="1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ck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ck">
        <color indexed="64"/>
      </right>
      <top style="double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 style="thick">
        <color indexed="64"/>
      </left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/>
      <top/>
      <bottom style="hair">
        <color auto="1"/>
      </bottom>
      <diagonal/>
    </border>
    <border>
      <left style="medium">
        <color indexed="64"/>
      </left>
      <right style="double">
        <color indexed="64"/>
      </right>
      <top style="hair">
        <color auto="1"/>
      </top>
      <bottom style="double">
        <color indexed="64"/>
      </bottom>
      <diagonal/>
    </border>
    <border>
      <left style="thick">
        <color indexed="64"/>
      </left>
      <right style="double">
        <color indexed="64"/>
      </right>
      <top style="double">
        <color indexed="64"/>
      </top>
      <bottom/>
      <diagonal/>
    </border>
    <border>
      <left style="thick">
        <color indexed="64"/>
      </left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hair">
        <color indexed="64"/>
      </bottom>
      <diagonal/>
    </border>
  </borders>
  <cellStyleXfs count="16">
    <xf numFmtId="0" fontId="0" fillId="0" borderId="0">
      <alignment vertical="center"/>
    </xf>
    <xf numFmtId="0" fontId="9" fillId="0" borderId="0">
      <alignment vertical="center"/>
    </xf>
    <xf numFmtId="0" fontId="8" fillId="0" borderId="0">
      <alignment vertical="center"/>
    </xf>
    <xf numFmtId="0" fontId="15" fillId="0" borderId="0"/>
    <xf numFmtId="0" fontId="15" fillId="0" borderId="0"/>
    <xf numFmtId="38" fontId="15" fillId="0" borderId="0" applyFont="0" applyFill="0" applyBorder="0" applyAlignment="0" applyProtection="0"/>
    <xf numFmtId="0" fontId="7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9" fontId="19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19" fillId="0" borderId="0" applyFont="0" applyFill="0" applyBorder="0" applyAlignment="0" applyProtection="0">
      <alignment vertical="center"/>
    </xf>
  </cellStyleXfs>
  <cellXfs count="336">
    <xf numFmtId="0" fontId="0" fillId="0" borderId="0" xfId="0">
      <alignment vertical="center"/>
    </xf>
    <xf numFmtId="0" fontId="13" fillId="6" borderId="25" xfId="3" applyFont="1" applyFill="1" applyBorder="1" applyAlignment="1" applyProtection="1">
      <alignment horizontal="center" vertical="center"/>
    </xf>
    <xf numFmtId="0" fontId="13" fillId="6" borderId="26" xfId="3" applyFont="1" applyFill="1" applyBorder="1" applyAlignment="1" applyProtection="1">
      <alignment horizontal="center" vertical="center"/>
    </xf>
    <xf numFmtId="0" fontId="13" fillId="6" borderId="27" xfId="3" applyFont="1" applyFill="1" applyBorder="1" applyAlignment="1" applyProtection="1">
      <alignment horizontal="center" vertical="center"/>
    </xf>
    <xf numFmtId="0" fontId="13" fillId="6" borderId="28" xfId="3" applyFont="1" applyFill="1" applyBorder="1" applyAlignment="1" applyProtection="1">
      <alignment horizontal="center" vertical="center"/>
    </xf>
    <xf numFmtId="0" fontId="13" fillId="6" borderId="29" xfId="3" applyFont="1" applyFill="1" applyBorder="1" applyAlignment="1" applyProtection="1">
      <alignment horizontal="center" vertical="center"/>
    </xf>
    <xf numFmtId="0" fontId="13" fillId="6" borderId="30" xfId="3" applyFont="1" applyFill="1" applyBorder="1" applyAlignment="1" applyProtection="1">
      <alignment horizontal="center" vertical="center"/>
    </xf>
    <xf numFmtId="0" fontId="13" fillId="6" borderId="31" xfId="3" applyFont="1" applyFill="1" applyBorder="1" applyAlignment="1" applyProtection="1">
      <alignment horizontal="center" vertical="center"/>
    </xf>
    <xf numFmtId="176" fontId="13" fillId="6" borderId="36" xfId="3" applyNumberFormat="1" applyFont="1" applyFill="1" applyBorder="1" applyAlignment="1" applyProtection="1">
      <alignment horizontal="right" vertical="center"/>
    </xf>
    <xf numFmtId="176" fontId="13" fillId="6" borderId="37" xfId="3" applyNumberFormat="1" applyFont="1" applyFill="1" applyBorder="1" applyAlignment="1" applyProtection="1">
      <alignment horizontal="right" vertical="center"/>
    </xf>
    <xf numFmtId="176" fontId="13" fillId="6" borderId="38" xfId="3" applyNumberFormat="1" applyFont="1" applyFill="1" applyBorder="1" applyAlignment="1" applyProtection="1">
      <alignment horizontal="right" vertical="center"/>
    </xf>
    <xf numFmtId="176" fontId="13" fillId="6" borderId="39" xfId="3" applyNumberFormat="1" applyFont="1" applyFill="1" applyBorder="1" applyAlignment="1" applyProtection="1">
      <alignment horizontal="right" vertical="center"/>
    </xf>
    <xf numFmtId="176" fontId="13" fillId="6" borderId="40" xfId="3" applyNumberFormat="1" applyFont="1" applyFill="1" applyBorder="1" applyAlignment="1" applyProtection="1">
      <alignment horizontal="right" vertical="center"/>
    </xf>
    <xf numFmtId="176" fontId="13" fillId="6" borderId="41" xfId="3" applyNumberFormat="1" applyFont="1" applyFill="1" applyBorder="1" applyAlignment="1" applyProtection="1">
      <alignment horizontal="right" vertical="center"/>
    </xf>
    <xf numFmtId="176" fontId="13" fillId="6" borderId="42" xfId="3" applyNumberFormat="1" applyFont="1" applyFill="1" applyBorder="1" applyAlignment="1" applyProtection="1">
      <alignment horizontal="right" vertical="center"/>
    </xf>
    <xf numFmtId="0" fontId="13" fillId="6" borderId="49" xfId="3" applyFont="1" applyFill="1" applyBorder="1" applyAlignment="1" applyProtection="1">
      <alignment horizontal="center" vertical="center"/>
    </xf>
    <xf numFmtId="0" fontId="13" fillId="6" borderId="50" xfId="3" applyFont="1" applyFill="1" applyBorder="1" applyAlignment="1" applyProtection="1">
      <alignment horizontal="center" vertical="center"/>
    </xf>
    <xf numFmtId="0" fontId="13" fillId="6" borderId="51" xfId="3" applyFont="1" applyFill="1" applyBorder="1" applyAlignment="1" applyProtection="1">
      <alignment horizontal="center" vertical="center"/>
    </xf>
    <xf numFmtId="0" fontId="13" fillId="6" borderId="52" xfId="3" applyFont="1" applyFill="1" applyBorder="1" applyAlignment="1" applyProtection="1">
      <alignment horizontal="center" vertical="center"/>
    </xf>
    <xf numFmtId="0" fontId="13" fillId="6" borderId="53" xfId="3" applyFont="1" applyFill="1" applyBorder="1" applyAlignment="1" applyProtection="1">
      <alignment horizontal="center" vertical="center"/>
    </xf>
    <xf numFmtId="0" fontId="13" fillId="6" borderId="54" xfId="3" applyFont="1" applyFill="1" applyBorder="1" applyAlignment="1" applyProtection="1">
      <alignment horizontal="center" vertical="center"/>
    </xf>
    <xf numFmtId="0" fontId="13" fillId="6" borderId="55" xfId="3" applyFont="1" applyFill="1" applyBorder="1" applyAlignment="1" applyProtection="1">
      <alignment horizontal="center" vertical="center"/>
    </xf>
    <xf numFmtId="0" fontId="13" fillId="6" borderId="56" xfId="3" applyFont="1" applyFill="1" applyBorder="1" applyAlignment="1" applyProtection="1">
      <alignment horizontal="center" vertical="center"/>
    </xf>
    <xf numFmtId="0" fontId="13" fillId="6" borderId="15" xfId="3" applyFont="1" applyFill="1" applyBorder="1" applyAlignment="1" applyProtection="1">
      <alignment horizontal="center" vertical="center"/>
    </xf>
    <xf numFmtId="0" fontId="8" fillId="0" borderId="0" xfId="2" applyBorder="1" applyProtection="1">
      <alignment vertical="center"/>
    </xf>
    <xf numFmtId="0" fontId="13" fillId="6" borderId="59" xfId="3" applyFont="1" applyFill="1" applyBorder="1" applyAlignment="1" applyProtection="1">
      <alignment horizontal="center" vertical="center"/>
    </xf>
    <xf numFmtId="176" fontId="13" fillId="6" borderId="60" xfId="3" applyNumberFormat="1" applyFont="1" applyFill="1" applyBorder="1" applyAlignment="1" applyProtection="1">
      <alignment horizontal="right" vertical="center"/>
    </xf>
    <xf numFmtId="0" fontId="13" fillId="6" borderId="61" xfId="3" applyFont="1" applyFill="1" applyBorder="1" applyAlignment="1" applyProtection="1">
      <alignment horizontal="center" vertical="center"/>
    </xf>
    <xf numFmtId="0" fontId="13" fillId="6" borderId="33" xfId="3" applyFont="1" applyFill="1" applyBorder="1" applyAlignment="1" applyProtection="1">
      <alignment horizontal="center" vertical="center"/>
    </xf>
    <xf numFmtId="0" fontId="13" fillId="6" borderId="43" xfId="3" applyFont="1" applyFill="1" applyBorder="1" applyAlignment="1" applyProtection="1">
      <alignment horizontal="center" vertical="center"/>
    </xf>
    <xf numFmtId="0" fontId="13" fillId="6" borderId="32" xfId="3" applyFont="1" applyFill="1" applyBorder="1" applyAlignment="1" applyProtection="1">
      <alignment horizontal="center" vertical="center"/>
    </xf>
    <xf numFmtId="0" fontId="13" fillId="6" borderId="62" xfId="3" applyFont="1" applyFill="1" applyBorder="1" applyAlignment="1" applyProtection="1">
      <alignment horizontal="center" vertical="center"/>
    </xf>
    <xf numFmtId="0" fontId="13" fillId="6" borderId="63" xfId="3" applyFont="1" applyFill="1" applyBorder="1" applyAlignment="1" applyProtection="1">
      <alignment horizontal="center" vertical="center"/>
    </xf>
    <xf numFmtId="0" fontId="13" fillId="6" borderId="35" xfId="3" applyFont="1" applyFill="1" applyBorder="1" applyAlignment="1" applyProtection="1">
      <alignment horizontal="center" vertical="center"/>
    </xf>
    <xf numFmtId="0" fontId="13" fillId="6" borderId="5" xfId="3" applyFont="1" applyFill="1" applyBorder="1" applyAlignment="1" applyProtection="1">
      <alignment horizontal="center" vertical="center"/>
    </xf>
    <xf numFmtId="176" fontId="13" fillId="6" borderId="65" xfId="3" applyNumberFormat="1" applyFont="1" applyFill="1" applyBorder="1" applyAlignment="1" applyProtection="1">
      <alignment horizontal="right" vertical="center"/>
    </xf>
    <xf numFmtId="176" fontId="13" fillId="6" borderId="66" xfId="3" applyNumberFormat="1" applyFont="1" applyFill="1" applyBorder="1" applyAlignment="1" applyProtection="1">
      <alignment horizontal="right" vertical="center"/>
    </xf>
    <xf numFmtId="176" fontId="13" fillId="6" borderId="67" xfId="3" applyNumberFormat="1" applyFont="1" applyFill="1" applyBorder="1" applyAlignment="1" applyProtection="1">
      <alignment horizontal="right" vertical="center"/>
    </xf>
    <xf numFmtId="176" fontId="13" fillId="6" borderId="68" xfId="3" applyNumberFormat="1" applyFont="1" applyFill="1" applyBorder="1" applyAlignment="1" applyProtection="1">
      <alignment horizontal="right" vertical="center"/>
    </xf>
    <xf numFmtId="176" fontId="13" fillId="6" borderId="69" xfId="3" applyNumberFormat="1" applyFont="1" applyFill="1" applyBorder="1" applyAlignment="1" applyProtection="1">
      <alignment horizontal="right" vertical="center"/>
    </xf>
    <xf numFmtId="176" fontId="13" fillId="6" borderId="70" xfId="3" applyNumberFormat="1" applyFont="1" applyFill="1" applyBorder="1" applyAlignment="1" applyProtection="1">
      <alignment horizontal="right" vertical="center"/>
    </xf>
    <xf numFmtId="176" fontId="13" fillId="6" borderId="71" xfId="3" applyNumberFormat="1" applyFont="1" applyFill="1" applyBorder="1" applyAlignment="1" applyProtection="1">
      <alignment horizontal="right" vertical="center"/>
    </xf>
    <xf numFmtId="176" fontId="13" fillId="6" borderId="72" xfId="3" applyNumberFormat="1" applyFont="1" applyFill="1" applyBorder="1" applyAlignment="1" applyProtection="1">
      <alignment horizontal="right" vertical="center"/>
    </xf>
    <xf numFmtId="0" fontId="13" fillId="4" borderId="32" xfId="3" applyFont="1" applyFill="1" applyBorder="1" applyAlignment="1" applyProtection="1">
      <alignment horizontal="center" vertical="center"/>
    </xf>
    <xf numFmtId="0" fontId="13" fillId="4" borderId="33" xfId="3" applyFont="1" applyFill="1" applyBorder="1" applyAlignment="1" applyProtection="1">
      <alignment horizontal="center" vertical="center"/>
    </xf>
    <xf numFmtId="0" fontId="13" fillId="4" borderId="34" xfId="3" applyFont="1" applyFill="1" applyBorder="1" applyAlignment="1" applyProtection="1">
      <alignment horizontal="center" vertical="center"/>
    </xf>
    <xf numFmtId="0" fontId="13" fillId="4" borderId="35" xfId="3" applyFont="1" applyFill="1" applyBorder="1" applyAlignment="1" applyProtection="1">
      <alignment horizontal="center" vertical="center"/>
    </xf>
    <xf numFmtId="0" fontId="13" fillId="4" borderId="62" xfId="3" applyFont="1" applyFill="1" applyBorder="1" applyAlignment="1" applyProtection="1">
      <alignment horizontal="center" vertical="center"/>
    </xf>
    <xf numFmtId="0" fontId="13" fillId="4" borderId="63" xfId="3" applyFont="1" applyFill="1" applyBorder="1" applyAlignment="1" applyProtection="1">
      <alignment horizontal="center" vertical="center"/>
    </xf>
    <xf numFmtId="176" fontId="13" fillId="4" borderId="66" xfId="3" applyNumberFormat="1" applyFont="1" applyFill="1" applyBorder="1" applyAlignment="1" applyProtection="1">
      <alignment horizontal="right" vertical="center"/>
    </xf>
    <xf numFmtId="176" fontId="13" fillId="4" borderId="71" xfId="3" applyNumberFormat="1" applyFont="1" applyFill="1" applyBorder="1" applyAlignment="1" applyProtection="1">
      <alignment horizontal="right" vertical="center"/>
    </xf>
    <xf numFmtId="176" fontId="13" fillId="4" borderId="69" xfId="3" applyNumberFormat="1" applyFont="1" applyFill="1" applyBorder="1" applyAlignment="1" applyProtection="1">
      <alignment horizontal="right" vertical="center"/>
    </xf>
    <xf numFmtId="176" fontId="13" fillId="4" borderId="70" xfId="3" applyNumberFormat="1" applyFont="1" applyFill="1" applyBorder="1" applyAlignment="1" applyProtection="1">
      <alignment horizontal="right" vertical="center"/>
    </xf>
    <xf numFmtId="176" fontId="13" fillId="4" borderId="37" xfId="3" applyNumberFormat="1" applyFont="1" applyFill="1" applyBorder="1" applyAlignment="1" applyProtection="1">
      <alignment horizontal="right" vertical="center"/>
    </xf>
    <xf numFmtId="176" fontId="13" fillId="4" borderId="40" xfId="3" applyNumberFormat="1" applyFont="1" applyFill="1" applyBorder="1" applyAlignment="1" applyProtection="1">
      <alignment horizontal="right" vertical="center"/>
    </xf>
    <xf numFmtId="176" fontId="13" fillId="4" borderId="41" xfId="3" applyNumberFormat="1" applyFont="1" applyFill="1" applyBorder="1" applyAlignment="1" applyProtection="1">
      <alignment horizontal="right" vertical="center"/>
    </xf>
    <xf numFmtId="0" fontId="13" fillId="4" borderId="53" xfId="3" applyFont="1" applyFill="1" applyBorder="1" applyAlignment="1" applyProtection="1">
      <alignment horizontal="center" vertical="center"/>
    </xf>
    <xf numFmtId="0" fontId="13" fillId="4" borderId="50" xfId="3" applyFont="1" applyFill="1" applyBorder="1" applyAlignment="1" applyProtection="1">
      <alignment horizontal="center" vertical="center"/>
    </xf>
    <xf numFmtId="0" fontId="13" fillId="4" borderId="58" xfId="3" applyFont="1" applyFill="1" applyBorder="1" applyAlignment="1" applyProtection="1">
      <alignment horizontal="center" vertical="center"/>
    </xf>
    <xf numFmtId="0" fontId="13" fillId="4" borderId="52" xfId="3" applyFont="1" applyFill="1" applyBorder="1" applyAlignment="1" applyProtection="1">
      <alignment horizontal="center" vertical="center"/>
    </xf>
    <xf numFmtId="0" fontId="13" fillId="4" borderId="56" xfId="3" applyFont="1" applyFill="1" applyBorder="1" applyAlignment="1" applyProtection="1">
      <alignment horizontal="center" vertical="center"/>
    </xf>
    <xf numFmtId="0" fontId="13" fillId="4" borderId="55" xfId="3" applyFont="1" applyFill="1" applyBorder="1" applyAlignment="1" applyProtection="1">
      <alignment horizontal="center" vertical="center"/>
    </xf>
    <xf numFmtId="0" fontId="13" fillId="4" borderId="54" xfId="3" applyFont="1" applyFill="1" applyBorder="1" applyAlignment="1" applyProtection="1">
      <alignment horizontal="center" vertical="center"/>
    </xf>
    <xf numFmtId="0" fontId="13" fillId="7" borderId="25" xfId="3" applyFont="1" applyFill="1" applyBorder="1" applyAlignment="1" applyProtection="1">
      <alignment horizontal="center" vertical="center"/>
    </xf>
    <xf numFmtId="0" fontId="13" fillId="7" borderId="26" xfId="3" applyFont="1" applyFill="1" applyBorder="1" applyAlignment="1" applyProtection="1">
      <alignment horizontal="center" vertical="center"/>
    </xf>
    <xf numFmtId="0" fontId="13" fillId="7" borderId="27" xfId="3" applyFont="1" applyFill="1" applyBorder="1" applyAlignment="1" applyProtection="1">
      <alignment horizontal="center" vertical="center"/>
    </xf>
    <xf numFmtId="0" fontId="13" fillId="7" borderId="61" xfId="3" applyFont="1" applyFill="1" applyBorder="1" applyAlignment="1" applyProtection="1">
      <alignment horizontal="center" vertical="center"/>
    </xf>
    <xf numFmtId="0" fontId="13" fillId="7" borderId="33" xfId="3" applyFont="1" applyFill="1" applyBorder="1" applyAlignment="1" applyProtection="1">
      <alignment horizontal="center" vertical="center"/>
    </xf>
    <xf numFmtId="0" fontId="13" fillId="7" borderId="43" xfId="3" applyFont="1" applyFill="1" applyBorder="1" applyAlignment="1" applyProtection="1">
      <alignment horizontal="center" vertical="center"/>
    </xf>
    <xf numFmtId="176" fontId="13" fillId="7" borderId="65" xfId="3" applyNumberFormat="1" applyFont="1" applyFill="1" applyBorder="1" applyAlignment="1" applyProtection="1">
      <alignment horizontal="right" vertical="center"/>
    </xf>
    <xf numFmtId="176" fontId="13" fillId="7" borderId="66" xfId="3" applyNumberFormat="1" applyFont="1" applyFill="1" applyBorder="1" applyAlignment="1" applyProtection="1">
      <alignment horizontal="right" vertical="center"/>
    </xf>
    <xf numFmtId="176" fontId="13" fillId="7" borderId="67" xfId="3" applyNumberFormat="1" applyFont="1" applyFill="1" applyBorder="1" applyAlignment="1" applyProtection="1">
      <alignment horizontal="right" vertical="center"/>
    </xf>
    <xf numFmtId="176" fontId="13" fillId="7" borderId="36" xfId="3" applyNumberFormat="1" applyFont="1" applyFill="1" applyBorder="1" applyAlignment="1" applyProtection="1">
      <alignment horizontal="right" vertical="center"/>
    </xf>
    <xf numFmtId="176" fontId="13" fillId="7" borderId="37" xfId="3" applyNumberFormat="1" applyFont="1" applyFill="1" applyBorder="1" applyAlignment="1" applyProtection="1">
      <alignment horizontal="right" vertical="center"/>
    </xf>
    <xf numFmtId="176" fontId="13" fillId="7" borderId="38" xfId="3" applyNumberFormat="1" applyFont="1" applyFill="1" applyBorder="1" applyAlignment="1" applyProtection="1">
      <alignment horizontal="right" vertical="center"/>
    </xf>
    <xf numFmtId="0" fontId="13" fillId="7" borderId="49" xfId="3" applyFont="1" applyFill="1" applyBorder="1" applyAlignment="1" applyProtection="1">
      <alignment horizontal="center" vertical="center"/>
    </xf>
    <xf numFmtId="0" fontId="13" fillId="7" borderId="50" xfId="3" applyFont="1" applyFill="1" applyBorder="1" applyAlignment="1" applyProtection="1">
      <alignment horizontal="center" vertical="center"/>
    </xf>
    <xf numFmtId="0" fontId="13" fillId="7" borderId="52" xfId="3" applyFont="1" applyFill="1" applyBorder="1" applyAlignment="1" applyProtection="1">
      <alignment horizontal="center" vertical="center"/>
    </xf>
    <xf numFmtId="0" fontId="13" fillId="4" borderId="25" xfId="3" applyFont="1" applyFill="1" applyBorder="1" applyAlignment="1" applyProtection="1">
      <alignment horizontal="center" vertical="center"/>
    </xf>
    <xf numFmtId="0" fontId="13" fillId="4" borderId="26" xfId="3" applyFont="1" applyFill="1" applyBorder="1" applyAlignment="1" applyProtection="1">
      <alignment horizontal="center" vertical="center"/>
    </xf>
    <xf numFmtId="0" fontId="13" fillId="4" borderId="29" xfId="3" applyFont="1" applyFill="1" applyBorder="1" applyAlignment="1" applyProtection="1">
      <alignment horizontal="center" vertical="center"/>
    </xf>
    <xf numFmtId="0" fontId="13" fillId="4" borderId="61" xfId="3" applyFont="1" applyFill="1" applyBorder="1" applyAlignment="1" applyProtection="1">
      <alignment horizontal="center" vertical="center"/>
    </xf>
    <xf numFmtId="176" fontId="13" fillId="4" borderId="65" xfId="3" applyNumberFormat="1" applyFont="1" applyFill="1" applyBorder="1" applyAlignment="1" applyProtection="1">
      <alignment horizontal="right" vertical="center"/>
    </xf>
    <xf numFmtId="176" fontId="13" fillId="4" borderId="36" xfId="3" applyNumberFormat="1" applyFont="1" applyFill="1" applyBorder="1" applyAlignment="1" applyProtection="1">
      <alignment horizontal="right" vertical="center"/>
    </xf>
    <xf numFmtId="0" fontId="13" fillId="4" borderId="49" xfId="3" applyFont="1" applyFill="1" applyBorder="1" applyAlignment="1" applyProtection="1">
      <alignment horizontal="center" vertical="center"/>
    </xf>
    <xf numFmtId="0" fontId="13" fillId="4" borderId="31" xfId="3" applyFont="1" applyFill="1" applyBorder="1" applyAlignment="1" applyProtection="1">
      <alignment horizontal="center" vertical="center"/>
    </xf>
    <xf numFmtId="0" fontId="13" fillId="4" borderId="30" xfId="3" applyFont="1" applyFill="1" applyBorder="1" applyAlignment="1" applyProtection="1">
      <alignment horizontal="center" vertical="center"/>
    </xf>
    <xf numFmtId="0" fontId="13" fillId="6" borderId="17" xfId="3" applyFont="1" applyFill="1" applyBorder="1" applyAlignment="1" applyProtection="1">
      <alignment horizontal="center" vertical="center"/>
    </xf>
    <xf numFmtId="0" fontId="13" fillId="4" borderId="17" xfId="3" applyFont="1" applyFill="1" applyBorder="1" applyAlignment="1" applyProtection="1">
      <alignment horizontal="center" vertical="center"/>
    </xf>
    <xf numFmtId="0" fontId="16" fillId="0" borderId="0" xfId="2" applyFont="1" applyBorder="1" applyAlignment="1" applyProtection="1">
      <alignment vertical="center"/>
    </xf>
    <xf numFmtId="0" fontId="8" fillId="0" borderId="0" xfId="2" applyBorder="1" applyAlignment="1" applyProtection="1">
      <alignment vertical="center"/>
    </xf>
    <xf numFmtId="0" fontId="9" fillId="0" borderId="0" xfId="1" applyBorder="1" applyAlignment="1" applyProtection="1">
      <alignment vertical="center"/>
    </xf>
    <xf numFmtId="0" fontId="15" fillId="0" borderId="7" xfId="3" applyBorder="1" applyAlignment="1" applyProtection="1">
      <alignment horizontal="center" vertical="center" wrapText="1"/>
    </xf>
    <xf numFmtId="0" fontId="13" fillId="0" borderId="0" xfId="3" applyNumberFormat="1" applyFont="1" applyAlignment="1" applyProtection="1">
      <alignment vertical="center"/>
    </xf>
    <xf numFmtId="0" fontId="15" fillId="0" borderId="10" xfId="3" applyBorder="1" applyAlignment="1" applyProtection="1">
      <alignment horizontal="center" vertical="center"/>
    </xf>
    <xf numFmtId="0" fontId="13" fillId="0" borderId="0" xfId="3" applyFont="1" applyAlignment="1" applyProtection="1">
      <alignment horizontal="center" vertical="center"/>
    </xf>
    <xf numFmtId="0" fontId="15" fillId="0" borderId="64" xfId="3" applyBorder="1" applyAlignment="1" applyProtection="1">
      <alignment horizontal="center" vertical="center"/>
    </xf>
    <xf numFmtId="0" fontId="13" fillId="0" borderId="0" xfId="3" applyFont="1" applyAlignment="1" applyProtection="1">
      <alignment vertical="center"/>
    </xf>
    <xf numFmtId="0" fontId="15" fillId="0" borderId="48" xfId="3" applyBorder="1" applyAlignment="1" applyProtection="1">
      <alignment horizontal="center" vertical="center"/>
    </xf>
    <xf numFmtId="0" fontId="15" fillId="3" borderId="48" xfId="3" applyFill="1" applyBorder="1" applyAlignment="1" applyProtection="1">
      <alignment horizontal="center" vertical="center"/>
    </xf>
    <xf numFmtId="0" fontId="13" fillId="0" borderId="0" xfId="2" applyFont="1" applyProtection="1">
      <alignment vertical="center"/>
    </xf>
    <xf numFmtId="0" fontId="9" fillId="0" borderId="0" xfId="1" applyProtection="1">
      <alignment vertical="center"/>
    </xf>
    <xf numFmtId="0" fontId="8" fillId="0" borderId="0" xfId="2" applyProtection="1">
      <alignment vertical="center"/>
    </xf>
    <xf numFmtId="0" fontId="13" fillId="4" borderId="15" xfId="3" applyFont="1" applyFill="1" applyBorder="1" applyAlignment="1" applyProtection="1">
      <alignment horizontal="center" vertical="center"/>
    </xf>
    <xf numFmtId="0" fontId="13" fillId="6" borderId="101" xfId="3" applyFont="1" applyFill="1" applyBorder="1" applyAlignment="1" applyProtection="1">
      <alignment horizontal="center" vertical="center"/>
    </xf>
    <xf numFmtId="0" fontId="13" fillId="6" borderId="0" xfId="3" applyFont="1" applyFill="1" applyBorder="1" applyAlignment="1" applyProtection="1">
      <alignment horizontal="center" vertical="center"/>
    </xf>
    <xf numFmtId="176" fontId="13" fillId="6" borderId="102" xfId="3" applyNumberFormat="1" applyFont="1" applyFill="1" applyBorder="1" applyAlignment="1" applyProtection="1">
      <alignment horizontal="right" vertical="center"/>
    </xf>
    <xf numFmtId="176" fontId="13" fillId="6" borderId="103" xfId="3" applyNumberFormat="1" applyFont="1" applyFill="1" applyBorder="1" applyAlignment="1" applyProtection="1">
      <alignment horizontal="right" vertical="center"/>
    </xf>
    <xf numFmtId="0" fontId="13" fillId="6" borderId="105" xfId="3" applyFont="1" applyFill="1" applyBorder="1" applyAlignment="1" applyProtection="1">
      <alignment horizontal="center" vertical="center"/>
    </xf>
    <xf numFmtId="0" fontId="13" fillId="6" borderId="106" xfId="3" applyFont="1" applyFill="1" applyBorder="1" applyAlignment="1" applyProtection="1">
      <alignment horizontal="center" vertical="center"/>
    </xf>
    <xf numFmtId="0" fontId="13" fillId="4" borderId="51" xfId="3" applyFont="1" applyFill="1" applyBorder="1" applyAlignment="1" applyProtection="1">
      <alignment horizontal="center" vertical="center"/>
    </xf>
    <xf numFmtId="0" fontId="13" fillId="3" borderId="5" xfId="3" applyFont="1" applyFill="1" applyBorder="1" applyAlignment="1" applyProtection="1">
      <alignment horizontal="center" vertical="center"/>
    </xf>
    <xf numFmtId="0" fontId="13" fillId="6" borderId="113" xfId="3" applyFont="1" applyFill="1" applyBorder="1" applyAlignment="1" applyProtection="1">
      <alignment horizontal="center" vertical="center"/>
    </xf>
    <xf numFmtId="0" fontId="13" fillId="6" borderId="97" xfId="3" applyFont="1" applyFill="1" applyBorder="1" applyAlignment="1" applyProtection="1">
      <alignment horizontal="center" vertical="center"/>
    </xf>
    <xf numFmtId="0" fontId="13" fillId="6" borderId="98" xfId="3" applyFont="1" applyFill="1" applyBorder="1" applyAlignment="1" applyProtection="1">
      <alignment horizontal="center" vertical="center"/>
    </xf>
    <xf numFmtId="0" fontId="13" fillId="6" borderId="114" xfId="3" applyFont="1" applyFill="1" applyBorder="1" applyAlignment="1" applyProtection="1">
      <alignment horizontal="center" vertical="center"/>
    </xf>
    <xf numFmtId="0" fontId="8" fillId="0" borderId="104" xfId="2" applyBorder="1" applyAlignment="1" applyProtection="1">
      <alignment vertical="center"/>
    </xf>
    <xf numFmtId="0" fontId="9" fillId="0" borderId="104" xfId="1" applyBorder="1" applyAlignment="1" applyProtection="1">
      <alignment vertical="center"/>
    </xf>
    <xf numFmtId="176" fontId="13" fillId="2" borderId="65" xfId="3" applyNumberFormat="1" applyFont="1" applyFill="1" applyBorder="1" applyAlignment="1" applyProtection="1">
      <alignment horizontal="right" vertical="center"/>
    </xf>
    <xf numFmtId="176" fontId="13" fillId="2" borderId="66" xfId="3" applyNumberFormat="1" applyFont="1" applyFill="1" applyBorder="1" applyAlignment="1" applyProtection="1">
      <alignment horizontal="right" vertical="center"/>
    </xf>
    <xf numFmtId="176" fontId="13" fillId="2" borderId="36" xfId="3" applyNumberFormat="1" applyFont="1" applyFill="1" applyBorder="1" applyAlignment="1" applyProtection="1">
      <alignment horizontal="right" vertical="center"/>
    </xf>
    <xf numFmtId="176" fontId="13" fillId="2" borderId="37" xfId="3" applyNumberFormat="1" applyFont="1" applyFill="1" applyBorder="1" applyAlignment="1" applyProtection="1">
      <alignment horizontal="right" vertical="center"/>
    </xf>
    <xf numFmtId="176" fontId="13" fillId="2" borderId="68" xfId="3" applyNumberFormat="1" applyFont="1" applyFill="1" applyBorder="1" applyAlignment="1" applyProtection="1">
      <alignment horizontal="right" vertical="center"/>
    </xf>
    <xf numFmtId="176" fontId="13" fillId="2" borderId="73" xfId="3" applyNumberFormat="1" applyFont="1" applyFill="1" applyBorder="1" applyAlignment="1" applyProtection="1">
      <alignment horizontal="right" vertical="center"/>
    </xf>
    <xf numFmtId="176" fontId="13" fillId="2" borderId="71" xfId="3" applyNumberFormat="1" applyFont="1" applyFill="1" applyBorder="1" applyAlignment="1" applyProtection="1">
      <alignment horizontal="right" vertical="center"/>
    </xf>
    <xf numFmtId="176" fontId="13" fillId="2" borderId="69" xfId="3" applyNumberFormat="1" applyFont="1" applyFill="1" applyBorder="1" applyAlignment="1" applyProtection="1">
      <alignment horizontal="right" vertical="center"/>
    </xf>
    <xf numFmtId="176" fontId="13" fillId="2" borderId="39" xfId="3" applyNumberFormat="1" applyFont="1" applyFill="1" applyBorder="1" applyAlignment="1" applyProtection="1">
      <alignment horizontal="right" vertical="center"/>
    </xf>
    <xf numFmtId="176" fontId="13" fillId="2" borderId="74" xfId="3" applyNumberFormat="1" applyFont="1" applyFill="1" applyBorder="1" applyAlignment="1" applyProtection="1">
      <alignment horizontal="right" vertical="center"/>
    </xf>
    <xf numFmtId="176" fontId="13" fillId="2" borderId="42" xfId="3" applyNumberFormat="1" applyFont="1" applyFill="1" applyBorder="1" applyAlignment="1" applyProtection="1">
      <alignment horizontal="right" vertical="center"/>
    </xf>
    <xf numFmtId="176" fontId="13" fillId="2" borderId="40" xfId="3" applyNumberFormat="1" applyFont="1" applyFill="1" applyBorder="1" applyAlignment="1" applyProtection="1">
      <alignment horizontal="right" vertical="center"/>
    </xf>
    <xf numFmtId="0" fontId="13" fillId="3" borderId="25" xfId="3" applyFont="1" applyFill="1" applyBorder="1" applyAlignment="1" applyProtection="1">
      <alignment horizontal="center" vertical="center"/>
    </xf>
    <xf numFmtId="0" fontId="13" fillId="3" borderId="26" xfId="3" applyFont="1" applyFill="1" applyBorder="1" applyAlignment="1" applyProtection="1">
      <alignment horizontal="center" vertical="center"/>
    </xf>
    <xf numFmtId="0" fontId="13" fillId="3" borderId="27" xfId="3" applyFont="1" applyFill="1" applyBorder="1" applyAlignment="1" applyProtection="1">
      <alignment horizontal="center" vertical="center"/>
    </xf>
    <xf numFmtId="0" fontId="13" fillId="3" borderId="29" xfId="3" applyFont="1" applyFill="1" applyBorder="1" applyAlignment="1" applyProtection="1">
      <alignment horizontal="center" vertical="center"/>
    </xf>
    <xf numFmtId="0" fontId="13" fillId="3" borderId="101" xfId="3" applyFont="1" applyFill="1" applyBorder="1" applyAlignment="1" applyProtection="1">
      <alignment horizontal="center" vertical="center"/>
    </xf>
    <xf numFmtId="0" fontId="0" fillId="3" borderId="123" xfId="0" applyFill="1" applyBorder="1" applyAlignment="1" applyProtection="1">
      <alignment horizontal="center" vertical="center"/>
    </xf>
    <xf numFmtId="0" fontId="0" fillId="3" borderId="91" xfId="0" applyFill="1" applyBorder="1" applyAlignment="1" applyProtection="1">
      <alignment horizontal="center" vertical="center"/>
    </xf>
    <xf numFmtId="0" fontId="13" fillId="3" borderId="28" xfId="3" applyFont="1" applyFill="1" applyBorder="1" applyAlignment="1" applyProtection="1">
      <alignment horizontal="center" vertical="center"/>
    </xf>
    <xf numFmtId="0" fontId="13" fillId="3" borderId="30" xfId="3" applyFont="1" applyFill="1" applyBorder="1" applyAlignment="1" applyProtection="1">
      <alignment horizontal="center" vertical="center"/>
    </xf>
    <xf numFmtId="0" fontId="13" fillId="3" borderId="31" xfId="3" applyFont="1" applyFill="1" applyBorder="1" applyAlignment="1" applyProtection="1">
      <alignment horizontal="center" vertical="center"/>
    </xf>
    <xf numFmtId="0" fontId="13" fillId="3" borderId="59" xfId="3" applyFont="1" applyFill="1" applyBorder="1" applyAlignment="1" applyProtection="1">
      <alignment horizontal="center" vertical="center"/>
    </xf>
    <xf numFmtId="0" fontId="0" fillId="3" borderId="125" xfId="0" applyFill="1" applyBorder="1" applyAlignment="1" applyProtection="1">
      <alignment horizontal="center" vertical="center"/>
    </xf>
    <xf numFmtId="0" fontId="0" fillId="3" borderId="126" xfId="0" applyFill="1" applyBorder="1" applyAlignment="1" applyProtection="1">
      <alignment horizontal="center" vertical="center"/>
    </xf>
    <xf numFmtId="0" fontId="0" fillId="3" borderId="127" xfId="0" applyFill="1" applyBorder="1" applyAlignment="1" applyProtection="1">
      <alignment horizontal="center" vertical="center"/>
    </xf>
    <xf numFmtId="0" fontId="15" fillId="6" borderId="3" xfId="3" applyFill="1" applyBorder="1" applyAlignment="1" applyProtection="1">
      <alignment horizontal="right" vertical="center"/>
    </xf>
    <xf numFmtId="0" fontId="13" fillId="0" borderId="3" xfId="1" applyFont="1" applyFill="1" applyBorder="1" applyAlignment="1" applyProtection="1">
      <alignment horizontal="right" vertical="center"/>
    </xf>
    <xf numFmtId="0" fontId="15" fillId="4" borderId="3" xfId="3" applyFill="1" applyBorder="1" applyAlignment="1" applyProtection="1">
      <alignment horizontal="right" vertical="center"/>
    </xf>
    <xf numFmtId="0" fontId="15" fillId="7" borderId="3" xfId="3" applyFill="1" applyBorder="1" applyAlignment="1" applyProtection="1">
      <alignment horizontal="right" vertical="center"/>
    </xf>
    <xf numFmtId="0" fontId="15" fillId="14" borderId="128" xfId="3" applyFill="1" applyBorder="1" applyAlignment="1" applyProtection="1">
      <alignment horizontal="center" vertical="center" shrinkToFit="1"/>
    </xf>
    <xf numFmtId="0" fontId="15" fillId="3" borderId="101" xfId="3" applyFill="1" applyBorder="1" applyAlignment="1" applyProtection="1">
      <alignment horizontal="center" vertical="center"/>
    </xf>
    <xf numFmtId="0" fontId="0" fillId="8" borderId="76" xfId="0" applyFill="1" applyBorder="1" applyAlignment="1" applyProtection="1">
      <alignment vertical="center" wrapText="1"/>
    </xf>
    <xf numFmtId="0" fontId="0" fillId="8" borderId="92" xfId="0" applyFill="1" applyBorder="1" applyAlignment="1" applyProtection="1">
      <alignment vertical="center" wrapText="1"/>
    </xf>
    <xf numFmtId="0" fontId="0" fillId="12" borderId="9" xfId="0" applyFill="1" applyBorder="1" applyAlignment="1" applyProtection="1">
      <alignment vertical="center" wrapText="1"/>
    </xf>
    <xf numFmtId="0" fontId="0" fillId="12" borderId="11" xfId="0" applyFill="1" applyBorder="1" applyAlignment="1" applyProtection="1">
      <alignment vertical="center" wrapText="1"/>
    </xf>
    <xf numFmtId="0" fontId="0" fillId="9" borderId="10" xfId="0" applyFill="1" applyBorder="1" applyAlignment="1" applyProtection="1">
      <alignment vertical="center" wrapText="1"/>
    </xf>
    <xf numFmtId="0" fontId="0" fillId="9" borderId="83" xfId="0" applyFill="1" applyBorder="1" applyAlignment="1" applyProtection="1">
      <alignment vertical="center" wrapText="1"/>
    </xf>
    <xf numFmtId="177" fontId="15" fillId="6" borderId="3" xfId="3" applyNumberFormat="1" applyFill="1" applyBorder="1" applyAlignment="1" applyProtection="1">
      <alignment horizontal="center" vertical="center"/>
    </xf>
    <xf numFmtId="176" fontId="13" fillId="4" borderId="131" xfId="3" applyNumberFormat="1" applyFont="1" applyFill="1" applyBorder="1" applyAlignment="1" applyProtection="1">
      <alignment horizontal="right" vertical="center"/>
    </xf>
    <xf numFmtId="176" fontId="13" fillId="6" borderId="64" xfId="3" applyNumberFormat="1" applyFont="1" applyFill="1" applyBorder="1" applyAlignment="1" applyProtection="1">
      <alignment horizontal="right" vertical="center"/>
    </xf>
    <xf numFmtId="176" fontId="13" fillId="6" borderId="133" xfId="3" applyNumberFormat="1" applyFont="1" applyFill="1" applyBorder="1" applyAlignment="1" applyProtection="1">
      <alignment horizontal="right" vertical="center"/>
    </xf>
    <xf numFmtId="0" fontId="13" fillId="0" borderId="2" xfId="1" applyFont="1" applyFill="1" applyBorder="1" applyAlignment="1" applyProtection="1">
      <alignment horizontal="right" vertical="center"/>
    </xf>
    <xf numFmtId="0" fontId="13" fillId="0" borderId="136" xfId="1" applyFont="1" applyFill="1" applyBorder="1" applyAlignment="1" applyProtection="1">
      <alignment horizontal="right" vertical="center"/>
    </xf>
    <xf numFmtId="0" fontId="13" fillId="3" borderId="124" xfId="3" applyFont="1" applyFill="1" applyBorder="1" applyAlignment="1" applyProtection="1">
      <alignment horizontal="center" vertical="center"/>
    </xf>
    <xf numFmtId="0" fontId="13" fillId="3" borderId="110" xfId="3" applyFont="1" applyFill="1" applyBorder="1" applyAlignment="1" applyProtection="1">
      <alignment horizontal="center" vertical="center"/>
    </xf>
    <xf numFmtId="0" fontId="13" fillId="3" borderId="112" xfId="3" applyFont="1" applyFill="1" applyBorder="1" applyAlignment="1" applyProtection="1">
      <alignment horizontal="center" vertical="center"/>
    </xf>
    <xf numFmtId="0" fontId="13" fillId="6" borderId="132" xfId="3" applyFont="1" applyFill="1" applyBorder="1" applyAlignment="1" applyProtection="1">
      <alignment horizontal="center" vertical="center"/>
    </xf>
    <xf numFmtId="38" fontId="13" fillId="0" borderId="3" xfId="15" applyFont="1" applyFill="1" applyBorder="1" applyAlignment="1" applyProtection="1">
      <alignment horizontal="right" vertical="center"/>
    </xf>
    <xf numFmtId="0" fontId="15" fillId="0" borderId="81" xfId="3" applyBorder="1" applyAlignment="1" applyProtection="1">
      <alignment horizontal="center" vertical="center"/>
    </xf>
    <xf numFmtId="0" fontId="13" fillId="4" borderId="132" xfId="3" applyFont="1" applyFill="1" applyBorder="1" applyAlignment="1" applyProtection="1">
      <alignment horizontal="center" vertical="center"/>
    </xf>
    <xf numFmtId="176" fontId="13" fillId="6" borderId="123" xfId="3" applyNumberFormat="1" applyFont="1" applyFill="1" applyBorder="1" applyAlignment="1" applyProtection="1">
      <alignment horizontal="right" vertical="center"/>
    </xf>
    <xf numFmtId="0" fontId="13" fillId="6" borderId="44" xfId="3" applyFont="1" applyFill="1" applyBorder="1" applyAlignment="1" applyProtection="1">
      <alignment horizontal="center" vertical="center"/>
    </xf>
    <xf numFmtId="0" fontId="13" fillId="6" borderId="45" xfId="3" applyFont="1" applyFill="1" applyBorder="1" applyAlignment="1" applyProtection="1">
      <alignment horizontal="center" vertical="center"/>
    </xf>
    <xf numFmtId="0" fontId="13" fillId="6" borderId="47" xfId="3" applyFont="1" applyFill="1" applyBorder="1" applyAlignment="1" applyProtection="1">
      <alignment horizontal="center" vertical="center"/>
    </xf>
    <xf numFmtId="0" fontId="0" fillId="15" borderId="90" xfId="0" applyFill="1" applyBorder="1" applyAlignment="1" applyProtection="1">
      <alignment horizontal="center" vertical="center" wrapText="1"/>
    </xf>
    <xf numFmtId="0" fontId="0" fillId="15" borderId="92" xfId="0" applyFill="1" applyBorder="1" applyAlignment="1" applyProtection="1">
      <alignment horizontal="center" vertical="center" wrapText="1"/>
    </xf>
    <xf numFmtId="0" fontId="0" fillId="16" borderId="91" xfId="0" applyFill="1" applyBorder="1" applyAlignment="1" applyProtection="1">
      <alignment horizontal="center" vertical="center" wrapText="1"/>
    </xf>
    <xf numFmtId="0" fontId="0" fillId="16" borderId="11" xfId="0" applyFill="1" applyBorder="1" applyAlignment="1" applyProtection="1">
      <alignment horizontal="center" vertical="center" wrapText="1"/>
    </xf>
    <xf numFmtId="0" fontId="0" fillId="13" borderId="82" xfId="0" applyFill="1" applyBorder="1" applyAlignment="1" applyProtection="1">
      <alignment horizontal="center" vertical="center" wrapText="1"/>
    </xf>
    <xf numFmtId="0" fontId="0" fillId="13" borderId="83" xfId="0" applyFill="1" applyBorder="1" applyAlignment="1" applyProtection="1">
      <alignment horizontal="center" vertical="center" wrapText="1"/>
    </xf>
    <xf numFmtId="0" fontId="13" fillId="4" borderId="44" xfId="3" applyFont="1" applyFill="1" applyBorder="1" applyAlignment="1" applyProtection="1">
      <alignment horizontal="center" vertical="center"/>
    </xf>
    <xf numFmtId="0" fontId="13" fillId="4" borderId="45" xfId="3" applyFont="1" applyFill="1" applyBorder="1" applyAlignment="1" applyProtection="1">
      <alignment horizontal="center" vertical="center"/>
    </xf>
    <xf numFmtId="0" fontId="13" fillId="4" borderId="47" xfId="3" applyFont="1" applyFill="1" applyBorder="1" applyAlignment="1" applyProtection="1">
      <alignment horizontal="center" vertical="center"/>
    </xf>
    <xf numFmtId="0" fontId="17" fillId="19" borderId="130" xfId="0" applyFont="1" applyFill="1" applyBorder="1" applyAlignment="1" applyProtection="1">
      <alignment horizontal="center" vertical="center" wrapText="1"/>
    </xf>
    <xf numFmtId="0" fontId="17" fillId="19" borderId="86" xfId="0" applyFont="1" applyFill="1" applyBorder="1" applyAlignment="1" applyProtection="1">
      <alignment horizontal="center" vertical="center" wrapText="1"/>
    </xf>
    <xf numFmtId="0" fontId="17" fillId="19" borderId="88" xfId="0" applyFont="1" applyFill="1" applyBorder="1" applyAlignment="1" applyProtection="1">
      <alignment horizontal="center" vertical="center" wrapText="1"/>
    </xf>
    <xf numFmtId="0" fontId="17" fillId="20" borderId="84" xfId="0" applyFont="1" applyFill="1" applyBorder="1" applyAlignment="1" applyProtection="1">
      <alignment horizontal="center" vertical="center" wrapText="1"/>
    </xf>
    <xf numFmtId="0" fontId="17" fillId="20" borderId="9" xfId="0" applyFont="1" applyFill="1" applyBorder="1" applyAlignment="1" applyProtection="1">
      <alignment horizontal="center" vertical="center" wrapText="1"/>
    </xf>
    <xf numFmtId="0" fontId="17" fillId="20" borderId="11" xfId="0" applyFont="1" applyFill="1" applyBorder="1" applyAlignment="1" applyProtection="1">
      <alignment horizontal="center" vertical="center" wrapText="1"/>
    </xf>
    <xf numFmtId="0" fontId="17" fillId="5" borderId="85" xfId="0" applyFont="1" applyFill="1" applyBorder="1" applyAlignment="1" applyProtection="1">
      <alignment horizontal="center" vertical="center" wrapText="1"/>
    </xf>
    <xf numFmtId="0" fontId="17" fillId="5" borderId="87" xfId="0" applyFont="1" applyFill="1" applyBorder="1" applyAlignment="1" applyProtection="1">
      <alignment horizontal="center" vertical="center" wrapText="1"/>
    </xf>
    <xf numFmtId="0" fontId="17" fillId="5" borderId="89" xfId="0" applyFont="1" applyFill="1" applyBorder="1" applyAlignment="1" applyProtection="1">
      <alignment horizontal="center" vertical="center" wrapText="1"/>
    </xf>
    <xf numFmtId="176" fontId="0" fillId="12" borderId="91" xfId="0" applyNumberFormat="1" applyFill="1" applyBorder="1" applyAlignment="1" applyProtection="1">
      <alignment horizontal="center" vertical="center" wrapText="1"/>
    </xf>
    <xf numFmtId="0" fontId="0" fillId="12" borderId="11" xfId="0" applyFill="1" applyBorder="1" applyAlignment="1" applyProtection="1">
      <alignment horizontal="center" vertical="center" wrapText="1"/>
    </xf>
    <xf numFmtId="176" fontId="0" fillId="9" borderId="127" xfId="0" applyNumberFormat="1" applyFill="1" applyBorder="1" applyAlignment="1" applyProtection="1">
      <alignment horizontal="center" vertical="center" wrapText="1"/>
    </xf>
    <xf numFmtId="0" fontId="0" fillId="9" borderId="89" xfId="0" applyFill="1" applyBorder="1" applyAlignment="1" applyProtection="1">
      <alignment horizontal="center" vertical="center" wrapText="1"/>
    </xf>
    <xf numFmtId="177" fontId="0" fillId="10" borderId="134" xfId="0" applyNumberFormat="1" applyFont="1" applyFill="1" applyBorder="1" applyAlignment="1" applyProtection="1">
      <alignment horizontal="center" vertical="center" wrapText="1"/>
    </xf>
    <xf numFmtId="177" fontId="18" fillId="10" borderId="135" xfId="0" applyNumberFormat="1" applyFont="1" applyFill="1" applyBorder="1" applyAlignment="1" applyProtection="1">
      <alignment horizontal="center" vertical="center" wrapText="1"/>
    </xf>
    <xf numFmtId="177" fontId="15" fillId="11" borderId="90" xfId="0" applyNumberFormat="1" applyFont="1" applyFill="1" applyBorder="1" applyAlignment="1" applyProtection="1">
      <alignment horizontal="center" vertical="center" wrapText="1"/>
    </xf>
    <xf numFmtId="177" fontId="15" fillId="11" borderId="92" xfId="0" applyNumberFormat="1" applyFont="1" applyFill="1" applyBorder="1" applyAlignment="1" applyProtection="1">
      <alignment horizontal="center" vertical="center" wrapText="1"/>
    </xf>
    <xf numFmtId="177" fontId="15" fillId="5" borderId="127" xfId="0" applyNumberFormat="1" applyFont="1" applyFill="1" applyBorder="1" applyAlignment="1" applyProtection="1">
      <alignment horizontal="center" vertical="center" wrapText="1"/>
    </xf>
    <xf numFmtId="177" fontId="15" fillId="5" borderId="89" xfId="0" applyNumberFormat="1" applyFont="1" applyFill="1" applyBorder="1" applyAlignment="1" applyProtection="1">
      <alignment horizontal="center" vertical="center" wrapText="1"/>
    </xf>
    <xf numFmtId="0" fontId="13" fillId="8" borderId="116" xfId="0" applyFont="1" applyFill="1" applyBorder="1" applyAlignment="1" applyProtection="1">
      <alignment horizontal="center" vertical="center" wrapText="1"/>
    </xf>
    <xf numFmtId="0" fontId="13" fillId="8" borderId="76" xfId="0" applyFont="1" applyFill="1" applyBorder="1" applyAlignment="1" applyProtection="1">
      <alignment horizontal="center" vertical="center" wrapText="1"/>
    </xf>
    <xf numFmtId="0" fontId="13" fillId="8" borderId="92" xfId="0" applyFont="1" applyFill="1" applyBorder="1" applyAlignment="1" applyProtection="1">
      <alignment horizontal="center" vertical="center" wrapText="1"/>
    </xf>
    <xf numFmtId="176" fontId="0" fillId="8" borderId="90" xfId="0" applyNumberFormat="1" applyFill="1" applyBorder="1" applyAlignment="1" applyProtection="1">
      <alignment horizontal="center" vertical="center" wrapText="1"/>
    </xf>
    <xf numFmtId="0" fontId="0" fillId="8" borderId="92" xfId="0" applyFill="1" applyBorder="1" applyAlignment="1" applyProtection="1">
      <alignment horizontal="center" vertical="center" wrapText="1"/>
    </xf>
    <xf numFmtId="0" fontId="13" fillId="12" borderId="6" xfId="0" applyFont="1" applyFill="1" applyBorder="1" applyAlignment="1" applyProtection="1">
      <alignment horizontal="center" vertical="center" wrapText="1"/>
    </xf>
    <xf numFmtId="0" fontId="13" fillId="12" borderId="9" xfId="0" applyFont="1" applyFill="1" applyBorder="1" applyAlignment="1" applyProtection="1">
      <alignment horizontal="center" vertical="center" wrapText="1"/>
    </xf>
    <xf numFmtId="0" fontId="13" fillId="12" borderId="11" xfId="0" applyFont="1" applyFill="1" applyBorder="1" applyAlignment="1" applyProtection="1">
      <alignment horizontal="center" vertical="center" wrapText="1"/>
    </xf>
    <xf numFmtId="0" fontId="13" fillId="4" borderId="19" xfId="3" applyNumberFormat="1" applyFont="1" applyFill="1" applyBorder="1" applyAlignment="1" applyProtection="1">
      <alignment vertical="center" wrapText="1"/>
    </xf>
    <xf numFmtId="0" fontId="0" fillId="0" borderId="20" xfId="0" applyBorder="1" applyAlignment="1" applyProtection="1">
      <alignment vertical="center" wrapText="1"/>
    </xf>
    <xf numFmtId="0" fontId="0" fillId="0" borderId="115" xfId="0" applyBorder="1" applyAlignment="1" applyProtection="1">
      <alignment vertical="center" wrapText="1"/>
    </xf>
    <xf numFmtId="0" fontId="13" fillId="6" borderId="22" xfId="3" applyFont="1" applyFill="1" applyBorder="1" applyAlignment="1" applyProtection="1">
      <alignment horizontal="center" vertical="center"/>
    </xf>
    <xf numFmtId="0" fontId="13" fillId="6" borderId="17" xfId="3" applyFont="1" applyFill="1" applyBorder="1" applyAlignment="1" applyProtection="1">
      <alignment horizontal="center" vertical="center"/>
    </xf>
    <xf numFmtId="0" fontId="13" fillId="6" borderId="23" xfId="3" applyFont="1" applyFill="1" applyBorder="1" applyAlignment="1" applyProtection="1">
      <alignment horizontal="center" vertical="center"/>
    </xf>
    <xf numFmtId="0" fontId="13" fillId="4" borderId="99" xfId="3" applyNumberFormat="1" applyFont="1" applyFill="1" applyBorder="1" applyAlignment="1" applyProtection="1">
      <alignment horizontal="left" vertical="center" wrapText="1"/>
    </xf>
    <xf numFmtId="0" fontId="13" fillId="4" borderId="0" xfId="3" applyNumberFormat="1" applyFont="1" applyFill="1" applyBorder="1" applyAlignment="1" applyProtection="1">
      <alignment horizontal="left" vertical="center" wrapText="1"/>
    </xf>
    <xf numFmtId="0" fontId="13" fillId="4" borderId="95" xfId="3" applyNumberFormat="1" applyFont="1" applyFill="1" applyBorder="1" applyAlignment="1" applyProtection="1">
      <alignment horizontal="left" vertical="center" wrapText="1"/>
    </xf>
    <xf numFmtId="0" fontId="13" fillId="8" borderId="78" xfId="0" applyFont="1" applyFill="1" applyBorder="1" applyAlignment="1" applyProtection="1">
      <alignment horizontal="center" vertical="center" wrapText="1"/>
    </xf>
    <xf numFmtId="0" fontId="13" fillId="13" borderId="80" xfId="0" applyFont="1" applyFill="1" applyBorder="1" applyAlignment="1" applyProtection="1">
      <alignment horizontal="center" vertical="center" wrapText="1"/>
    </xf>
    <xf numFmtId="0" fontId="13" fillId="13" borderId="10" xfId="0" applyFont="1" applyFill="1" applyBorder="1" applyAlignment="1" applyProtection="1">
      <alignment horizontal="center" vertical="center" wrapText="1"/>
    </xf>
    <xf numFmtId="0" fontId="13" fillId="13" borderId="83" xfId="0" applyFont="1" applyFill="1" applyBorder="1" applyAlignment="1" applyProtection="1">
      <alignment horizontal="center" vertical="center" wrapText="1"/>
    </xf>
    <xf numFmtId="0" fontId="0" fillId="12" borderId="91" xfId="0" applyFill="1" applyBorder="1" applyAlignment="1" applyProtection="1">
      <alignment horizontal="center" vertical="center" wrapText="1"/>
    </xf>
    <xf numFmtId="0" fontId="0" fillId="8" borderId="90" xfId="0" applyFill="1" applyBorder="1" applyAlignment="1" applyProtection="1">
      <alignment horizontal="center" vertical="center" wrapText="1"/>
    </xf>
    <xf numFmtId="0" fontId="13" fillId="7" borderId="22" xfId="3" applyFont="1" applyFill="1" applyBorder="1" applyAlignment="1" applyProtection="1">
      <alignment horizontal="center" vertical="center"/>
    </xf>
    <xf numFmtId="0" fontId="13" fillId="7" borderId="17" xfId="3" applyFont="1" applyFill="1" applyBorder="1" applyAlignment="1" applyProtection="1">
      <alignment horizontal="center" vertical="center"/>
    </xf>
    <xf numFmtId="0" fontId="15" fillId="4" borderId="82" xfId="3" applyFill="1" applyBorder="1" applyAlignment="1" applyProtection="1">
      <alignment horizontal="center" vertical="center" wrapText="1" shrinkToFit="1"/>
    </xf>
    <xf numFmtId="0" fontId="15" fillId="4" borderId="10" xfId="3" applyFill="1" applyBorder="1" applyAlignment="1" applyProtection="1">
      <alignment horizontal="center" vertical="center" wrapText="1" shrinkToFit="1"/>
    </xf>
    <xf numFmtId="0" fontId="15" fillId="4" borderId="83" xfId="3" applyFill="1" applyBorder="1" applyAlignment="1" applyProtection="1">
      <alignment horizontal="center" vertical="center" wrapText="1" shrinkToFit="1"/>
    </xf>
    <xf numFmtId="176" fontId="15" fillId="4" borderId="82" xfId="3" applyNumberFormat="1" applyFill="1" applyBorder="1" applyAlignment="1" applyProtection="1">
      <alignment horizontal="center" vertical="center" wrapText="1" shrinkToFit="1"/>
    </xf>
    <xf numFmtId="0" fontId="13" fillId="6" borderId="24" xfId="3" applyFont="1" applyFill="1" applyBorder="1" applyAlignment="1" applyProtection="1">
      <alignment horizontal="center" vertical="center"/>
    </xf>
    <xf numFmtId="0" fontId="0" fillId="9" borderId="91" xfId="0" applyFill="1" applyBorder="1" applyAlignment="1" applyProtection="1">
      <alignment horizontal="center" vertical="center" wrapText="1"/>
    </xf>
    <xf numFmtId="0" fontId="0" fillId="9" borderId="11" xfId="0" applyFill="1" applyBorder="1" applyAlignment="1" applyProtection="1">
      <alignment horizontal="center" vertical="center" wrapText="1"/>
    </xf>
    <xf numFmtId="0" fontId="18" fillId="5" borderId="127" xfId="0" applyFont="1" applyFill="1" applyBorder="1" applyAlignment="1" applyProtection="1">
      <alignment horizontal="center" vertical="center" wrapText="1"/>
    </xf>
    <xf numFmtId="0" fontId="18" fillId="5" borderId="89" xfId="0" applyFont="1" applyFill="1" applyBorder="1" applyAlignment="1" applyProtection="1">
      <alignment horizontal="center" vertical="center" wrapText="1"/>
    </xf>
    <xf numFmtId="0" fontId="13" fillId="9" borderId="129" xfId="0" applyFont="1" applyFill="1" applyBorder="1" applyAlignment="1" applyProtection="1">
      <alignment horizontal="center" vertical="center" wrapText="1"/>
    </xf>
    <xf numFmtId="0" fontId="13" fillId="9" borderId="87" xfId="0" applyFont="1" applyFill="1" applyBorder="1" applyAlignment="1" applyProtection="1">
      <alignment horizontal="center" vertical="center" wrapText="1"/>
    </xf>
    <xf numFmtId="0" fontId="13" fillId="9" borderId="89" xfId="0" applyFont="1" applyFill="1" applyBorder="1" applyAlignment="1" applyProtection="1">
      <alignment horizontal="center" vertical="center" wrapText="1"/>
    </xf>
    <xf numFmtId="0" fontId="0" fillId="18" borderId="127" xfId="0" applyFill="1" applyBorder="1" applyAlignment="1" applyProtection="1">
      <alignment horizontal="center" vertical="center" wrapText="1"/>
    </xf>
    <xf numFmtId="0" fontId="0" fillId="18" borderId="89" xfId="0" applyFill="1" applyBorder="1" applyAlignment="1" applyProtection="1">
      <alignment horizontal="center" vertical="center" wrapText="1"/>
    </xf>
    <xf numFmtId="0" fontId="13" fillId="12" borderId="96" xfId="0" applyFont="1" applyFill="1" applyBorder="1" applyAlignment="1" applyProtection="1">
      <alignment horizontal="center" vertical="center" wrapText="1"/>
    </xf>
    <xf numFmtId="0" fontId="13" fillId="17" borderId="80" xfId="0" applyFont="1" applyFill="1" applyBorder="1" applyAlignment="1" applyProtection="1">
      <alignment horizontal="center" vertical="center" wrapText="1"/>
    </xf>
    <xf numFmtId="0" fontId="13" fillId="17" borderId="10" xfId="0" applyFont="1" applyFill="1" applyBorder="1" applyAlignment="1" applyProtection="1">
      <alignment horizontal="center" vertical="center" wrapText="1"/>
    </xf>
    <xf numFmtId="176" fontId="0" fillId="15" borderId="90" xfId="0" applyNumberFormat="1" applyFill="1" applyBorder="1" applyAlignment="1" applyProtection="1">
      <alignment horizontal="center" vertical="center" wrapText="1"/>
    </xf>
    <xf numFmtId="176" fontId="0" fillId="16" borderId="91" xfId="0" applyNumberFormat="1" applyFill="1" applyBorder="1" applyAlignment="1" applyProtection="1">
      <alignment horizontal="center" vertical="center" wrapText="1"/>
    </xf>
    <xf numFmtId="176" fontId="0" fillId="13" borderId="82" xfId="0" applyNumberFormat="1" applyFill="1" applyBorder="1" applyAlignment="1" applyProtection="1">
      <alignment horizontal="center" vertical="center" wrapText="1"/>
    </xf>
    <xf numFmtId="0" fontId="18" fillId="10" borderId="126" xfId="0" applyFont="1" applyFill="1" applyBorder="1" applyAlignment="1" applyProtection="1">
      <alignment horizontal="center" vertical="center" wrapText="1"/>
    </xf>
    <xf numFmtId="0" fontId="18" fillId="10" borderId="88" xfId="0" applyFont="1" applyFill="1" applyBorder="1" applyAlignment="1" applyProtection="1">
      <alignment horizontal="center" vertical="center" wrapText="1"/>
    </xf>
    <xf numFmtId="0" fontId="13" fillId="4" borderId="15" xfId="3" applyFont="1" applyFill="1" applyBorder="1" applyAlignment="1" applyProtection="1">
      <alignment horizontal="center" vertical="center"/>
    </xf>
    <xf numFmtId="0" fontId="0" fillId="4" borderId="15" xfId="0" applyFill="1" applyBorder="1" applyAlignment="1" applyProtection="1">
      <alignment horizontal="center" vertical="center"/>
    </xf>
    <xf numFmtId="0" fontId="0" fillId="4" borderId="56" xfId="0" applyFill="1" applyBorder="1" applyAlignment="1" applyProtection="1">
      <alignment horizontal="center" vertical="center"/>
    </xf>
    <xf numFmtId="0" fontId="13" fillId="4" borderId="75" xfId="3" applyFont="1" applyFill="1" applyBorder="1" applyAlignment="1" applyProtection="1">
      <alignment horizontal="center" vertical="center"/>
    </xf>
    <xf numFmtId="0" fontId="15" fillId="4" borderId="81" xfId="3" applyFill="1" applyBorder="1" applyAlignment="1" applyProtection="1">
      <alignment horizontal="center" vertical="center" wrapText="1" shrinkToFit="1"/>
    </xf>
    <xf numFmtId="0" fontId="15" fillId="4" borderId="91" xfId="3" applyFill="1" applyBorder="1" applyAlignment="1" applyProtection="1">
      <alignment horizontal="center" vertical="center" wrapText="1" shrinkToFit="1"/>
    </xf>
    <xf numFmtId="0" fontId="15" fillId="4" borderId="13" xfId="3" applyFill="1" applyBorder="1" applyAlignment="1" applyProtection="1">
      <alignment horizontal="center" vertical="center" wrapText="1" shrinkToFit="1"/>
    </xf>
    <xf numFmtId="0" fontId="18" fillId="11" borderId="91" xfId="0" applyFont="1" applyFill="1" applyBorder="1" applyAlignment="1" applyProtection="1">
      <alignment horizontal="center" vertical="center" wrapText="1"/>
    </xf>
    <xf numFmtId="0" fontId="18" fillId="11" borderId="11" xfId="0" applyFont="1" applyFill="1" applyBorder="1" applyAlignment="1" applyProtection="1">
      <alignment horizontal="center" vertical="center" wrapText="1"/>
    </xf>
    <xf numFmtId="0" fontId="13" fillId="7" borderId="44" xfId="3" applyFont="1" applyFill="1" applyBorder="1" applyAlignment="1" applyProtection="1">
      <alignment horizontal="center" vertical="center"/>
    </xf>
    <xf numFmtId="0" fontId="13" fillId="7" borderId="45" xfId="3" applyFont="1" applyFill="1" applyBorder="1" applyAlignment="1" applyProtection="1">
      <alignment horizontal="center" vertical="center"/>
    </xf>
    <xf numFmtId="0" fontId="13" fillId="7" borderId="47" xfId="3" applyFont="1" applyFill="1" applyBorder="1" applyAlignment="1" applyProtection="1">
      <alignment horizontal="center" vertical="center"/>
    </xf>
    <xf numFmtId="0" fontId="13" fillId="6" borderId="46" xfId="3" applyFont="1" applyFill="1" applyBorder="1" applyAlignment="1" applyProtection="1">
      <alignment horizontal="center" vertical="center"/>
    </xf>
    <xf numFmtId="0" fontId="14" fillId="4" borderId="100" xfId="3" applyNumberFormat="1" applyFont="1" applyFill="1" applyBorder="1" applyAlignment="1" applyProtection="1">
      <alignment vertical="center" wrapText="1"/>
    </xf>
    <xf numFmtId="0" fontId="0" fillId="0" borderId="4" xfId="0" applyBorder="1" applyAlignment="1" applyProtection="1">
      <alignment vertical="center" wrapText="1"/>
    </xf>
    <xf numFmtId="0" fontId="0" fillId="0" borderId="107" xfId="0" applyBorder="1" applyAlignment="1" applyProtection="1">
      <alignment vertical="center" wrapText="1"/>
    </xf>
    <xf numFmtId="0" fontId="13" fillId="6" borderId="16" xfId="3" applyFont="1" applyFill="1" applyBorder="1" applyAlignment="1" applyProtection="1">
      <alignment horizontal="center" vertical="center"/>
    </xf>
    <xf numFmtId="0" fontId="13" fillId="4" borderId="17" xfId="3" applyFont="1" applyFill="1" applyBorder="1" applyAlignment="1" applyProtection="1">
      <alignment horizontal="center" vertical="center"/>
    </xf>
    <xf numFmtId="0" fontId="0" fillId="4" borderId="17" xfId="0" applyFill="1" applyBorder="1" applyAlignment="1" applyProtection="1">
      <alignment horizontal="center" vertical="center"/>
    </xf>
    <xf numFmtId="0" fontId="0" fillId="4" borderId="23" xfId="0" applyFill="1" applyBorder="1" applyAlignment="1" applyProtection="1">
      <alignment horizontal="center" vertical="center"/>
    </xf>
    <xf numFmtId="0" fontId="13" fillId="9" borderId="6" xfId="0" applyFont="1" applyFill="1" applyBorder="1" applyAlignment="1" applyProtection="1">
      <alignment horizontal="center" vertical="center" wrapText="1"/>
    </xf>
    <xf numFmtId="0" fontId="13" fillId="9" borderId="9" xfId="0" applyFont="1" applyFill="1" applyBorder="1" applyAlignment="1" applyProtection="1">
      <alignment horizontal="center" vertical="center" wrapText="1"/>
    </xf>
    <xf numFmtId="0" fontId="13" fillId="9" borderId="11" xfId="0" applyFont="1" applyFill="1" applyBorder="1" applyAlignment="1" applyProtection="1">
      <alignment horizontal="center" vertical="center" wrapText="1"/>
    </xf>
    <xf numFmtId="176" fontId="0" fillId="9" borderId="91" xfId="0" applyNumberFormat="1" applyFill="1" applyBorder="1" applyAlignment="1" applyProtection="1">
      <alignment horizontal="center" vertical="center" wrapText="1"/>
    </xf>
    <xf numFmtId="0" fontId="15" fillId="4" borderId="90" xfId="3" applyFill="1" applyBorder="1" applyAlignment="1" applyProtection="1">
      <alignment horizontal="center" vertical="center" wrapText="1" shrinkToFit="1"/>
    </xf>
    <xf numFmtId="0" fontId="15" fillId="4" borderId="76" xfId="3" applyFill="1" applyBorder="1" applyAlignment="1" applyProtection="1">
      <alignment horizontal="center" vertical="center" wrapText="1" shrinkToFit="1"/>
    </xf>
    <xf numFmtId="0" fontId="15" fillId="4" borderId="92" xfId="3" applyFill="1" applyBorder="1" applyAlignment="1" applyProtection="1">
      <alignment horizontal="center" vertical="center" wrapText="1" shrinkToFit="1"/>
    </xf>
    <xf numFmtId="0" fontId="15" fillId="4" borderId="9" xfId="3" applyFill="1" applyBorder="1" applyAlignment="1" applyProtection="1">
      <alignment horizontal="center" vertical="center" wrapText="1" shrinkToFit="1"/>
    </xf>
    <xf numFmtId="0" fontId="15" fillId="4" borderId="11" xfId="3" applyFill="1" applyBorder="1" applyAlignment="1" applyProtection="1">
      <alignment horizontal="center" vertical="center" wrapText="1" shrinkToFit="1"/>
    </xf>
    <xf numFmtId="176" fontId="15" fillId="4" borderId="90" xfId="3" applyNumberFormat="1" applyFill="1" applyBorder="1" applyAlignment="1" applyProtection="1">
      <alignment horizontal="center" vertical="center" wrapText="1" shrinkToFit="1"/>
    </xf>
    <xf numFmtId="176" fontId="15" fillId="4" borderId="91" xfId="3" applyNumberFormat="1" applyFill="1" applyBorder="1" applyAlignment="1" applyProtection="1">
      <alignment horizontal="center" vertical="center" wrapText="1" shrinkToFit="1"/>
    </xf>
    <xf numFmtId="0" fontId="0" fillId="4" borderId="22" xfId="0" applyFill="1" applyBorder="1" applyAlignment="1" applyProtection="1">
      <alignment horizontal="center" vertical="center"/>
    </xf>
    <xf numFmtId="0" fontId="0" fillId="4" borderId="25" xfId="0" applyFill="1" applyBorder="1" applyAlignment="1" applyProtection="1">
      <alignment horizontal="center" vertical="top"/>
    </xf>
    <xf numFmtId="0" fontId="0" fillId="4" borderId="105" xfId="0" applyFill="1" applyBorder="1" applyAlignment="1" applyProtection="1">
      <alignment horizontal="center" vertical="top"/>
    </xf>
    <xf numFmtId="0" fontId="0" fillId="4" borderId="26" xfId="0" applyFill="1" applyBorder="1" applyAlignment="1" applyProtection="1">
      <alignment horizontal="center" vertical="top"/>
    </xf>
    <xf numFmtId="0" fontId="0" fillId="4" borderId="106" xfId="0" applyFill="1" applyBorder="1" applyAlignment="1" applyProtection="1">
      <alignment horizontal="center" vertical="top"/>
    </xf>
    <xf numFmtId="0" fontId="0" fillId="4" borderId="110" xfId="0" applyFill="1" applyBorder="1" applyAlignment="1" applyProtection="1">
      <alignment horizontal="center" vertical="top"/>
    </xf>
    <xf numFmtId="0" fontId="0" fillId="4" borderId="111" xfId="0" applyFill="1" applyBorder="1" applyAlignment="1" applyProtection="1">
      <alignment horizontal="center" vertical="top"/>
    </xf>
    <xf numFmtId="0" fontId="13" fillId="8" borderId="90" xfId="0" applyFont="1" applyFill="1" applyBorder="1" applyAlignment="1" applyProtection="1">
      <alignment horizontal="center" vertical="center" wrapText="1"/>
    </xf>
    <xf numFmtId="0" fontId="13" fillId="12" borderId="91" xfId="0" applyFont="1" applyFill="1" applyBorder="1" applyAlignment="1" applyProtection="1">
      <alignment horizontal="center" vertical="center" wrapText="1"/>
    </xf>
    <xf numFmtId="0" fontId="13" fillId="13" borderId="82" xfId="0" applyFont="1" applyFill="1" applyBorder="1" applyAlignment="1" applyProtection="1">
      <alignment horizontal="center" vertical="center" wrapText="1"/>
    </xf>
    <xf numFmtId="0" fontId="15" fillId="4" borderId="79" xfId="3" applyFill="1" applyBorder="1" applyAlignment="1" applyProtection="1">
      <alignment horizontal="center" vertical="center" wrapText="1" shrinkToFit="1"/>
    </xf>
    <xf numFmtId="0" fontId="13" fillId="4" borderId="137" xfId="3" applyFont="1" applyFill="1" applyBorder="1" applyAlignment="1" applyProtection="1">
      <alignment horizontal="center" vertical="center"/>
    </xf>
    <xf numFmtId="0" fontId="13" fillId="4" borderId="93" xfId="3" applyNumberFormat="1" applyFont="1" applyFill="1" applyBorder="1" applyAlignment="1" applyProtection="1">
      <alignment vertical="center" wrapText="1"/>
    </xf>
    <xf numFmtId="0" fontId="0" fillId="0" borderId="1" xfId="0" applyBorder="1" applyAlignment="1" applyProtection="1">
      <alignment vertical="center" wrapText="1"/>
    </xf>
    <xf numFmtId="0" fontId="0" fillId="0" borderId="94" xfId="0" applyBorder="1" applyAlignment="1" applyProtection="1">
      <alignment vertical="center" wrapText="1"/>
    </xf>
    <xf numFmtId="0" fontId="0" fillId="4" borderId="108" xfId="0" applyFill="1" applyBorder="1" applyAlignment="1" applyProtection="1">
      <alignment horizontal="center" vertical="top"/>
    </xf>
    <xf numFmtId="0" fontId="0" fillId="4" borderId="109" xfId="0" applyFill="1" applyBorder="1" applyAlignment="1" applyProtection="1">
      <alignment horizontal="center" vertical="top"/>
    </xf>
    <xf numFmtId="0" fontId="13" fillId="4" borderId="12" xfId="3" applyNumberFormat="1" applyFont="1" applyFill="1" applyBorder="1" applyAlignment="1" applyProtection="1">
      <alignment vertical="center" wrapText="1" shrinkToFit="1"/>
    </xf>
    <xf numFmtId="0" fontId="15" fillId="0" borderId="1" xfId="3" applyBorder="1" applyAlignment="1" applyProtection="1">
      <alignment vertical="center" wrapText="1" shrinkToFit="1"/>
    </xf>
    <xf numFmtId="0" fontId="15" fillId="0" borderId="94" xfId="3" applyBorder="1" applyAlignment="1" applyProtection="1">
      <alignment vertical="center" wrapText="1" shrinkToFit="1"/>
    </xf>
    <xf numFmtId="0" fontId="13" fillId="4" borderId="14" xfId="3" applyFont="1" applyFill="1" applyBorder="1" applyAlignment="1" applyProtection="1">
      <alignment horizontal="center" vertical="center"/>
    </xf>
    <xf numFmtId="0" fontId="0" fillId="4" borderId="58" xfId="0" applyFill="1" applyBorder="1" applyAlignment="1" applyProtection="1">
      <alignment horizontal="center" vertical="center"/>
    </xf>
    <xf numFmtId="0" fontId="13" fillId="4" borderId="57" xfId="3" applyFont="1" applyFill="1" applyBorder="1" applyAlignment="1" applyProtection="1">
      <alignment horizontal="center" vertical="center"/>
    </xf>
    <xf numFmtId="0" fontId="13" fillId="4" borderId="16" xfId="3" applyFont="1" applyFill="1" applyBorder="1" applyAlignment="1" applyProtection="1">
      <alignment horizontal="center" vertical="center"/>
    </xf>
    <xf numFmtId="0" fontId="13" fillId="4" borderId="22" xfId="3" applyFont="1" applyFill="1" applyBorder="1" applyAlignment="1" applyProtection="1">
      <alignment horizontal="center" vertical="center"/>
    </xf>
    <xf numFmtId="0" fontId="13" fillId="4" borderId="23" xfId="3" applyFont="1" applyFill="1" applyBorder="1" applyAlignment="1" applyProtection="1">
      <alignment horizontal="center" vertical="center"/>
    </xf>
    <xf numFmtId="0" fontId="0" fillId="0" borderId="24" xfId="0" applyBorder="1" applyAlignment="1" applyProtection="1">
      <alignment horizontal="center" vertical="center"/>
    </xf>
    <xf numFmtId="0" fontId="0" fillId="0" borderId="17" xfId="0" applyBorder="1" applyAlignment="1" applyProtection="1">
      <alignment horizontal="center" vertical="center"/>
    </xf>
    <xf numFmtId="0" fontId="0" fillId="0" borderId="23" xfId="0" applyBorder="1" applyAlignment="1" applyProtection="1">
      <alignment horizontal="center" vertical="center"/>
    </xf>
    <xf numFmtId="176" fontId="0" fillId="13" borderId="119" xfId="0" applyNumberFormat="1" applyFill="1" applyBorder="1" applyAlignment="1" applyProtection="1">
      <alignment horizontal="center" vertical="center" wrapText="1"/>
    </xf>
    <xf numFmtId="0" fontId="0" fillId="13" borderId="111" xfId="0" applyFill="1" applyBorder="1" applyAlignment="1" applyProtection="1">
      <alignment horizontal="center" vertical="center" wrapText="1"/>
    </xf>
    <xf numFmtId="0" fontId="13" fillId="4" borderId="18" xfId="3" applyNumberFormat="1" applyFont="1" applyFill="1" applyBorder="1" applyAlignment="1" applyProtection="1">
      <alignment vertical="center" wrapText="1" shrinkToFit="1"/>
    </xf>
    <xf numFmtId="0" fontId="13" fillId="4" borderId="8" xfId="3" applyNumberFormat="1" applyFont="1" applyFill="1" applyBorder="1" applyAlignment="1" applyProtection="1">
      <alignment vertical="center" wrapText="1" shrinkToFit="1"/>
    </xf>
    <xf numFmtId="0" fontId="13" fillId="4" borderId="21" xfId="3" applyNumberFormat="1" applyFont="1" applyFill="1" applyBorder="1" applyAlignment="1" applyProtection="1">
      <alignment vertical="center" wrapText="1" shrinkToFit="1"/>
    </xf>
    <xf numFmtId="0" fontId="13" fillId="4" borderId="4" xfId="3" applyNumberFormat="1" applyFont="1" applyFill="1" applyBorder="1" applyAlignment="1" applyProtection="1">
      <alignment vertical="center" wrapText="1" shrinkToFit="1"/>
    </xf>
    <xf numFmtId="0" fontId="14" fillId="4" borderId="93" xfId="3" applyNumberFormat="1" applyFont="1" applyFill="1" applyBorder="1" applyAlignment="1" applyProtection="1">
      <alignment vertical="center" wrapText="1"/>
    </xf>
    <xf numFmtId="0" fontId="15" fillId="0" borderId="117" xfId="3" applyBorder="1" applyAlignment="1" applyProtection="1">
      <alignment horizontal="center" vertical="center" textRotation="255" wrapText="1"/>
    </xf>
    <xf numFmtId="0" fontId="15" fillId="0" borderId="77" xfId="3" applyBorder="1" applyAlignment="1" applyProtection="1">
      <alignment horizontal="center" vertical="center" textRotation="255" wrapText="1"/>
    </xf>
    <xf numFmtId="0" fontId="15" fillId="0" borderId="118" xfId="3" applyBorder="1" applyAlignment="1" applyProtection="1">
      <alignment horizontal="center" vertical="center" textRotation="255" wrapText="1"/>
    </xf>
    <xf numFmtId="0" fontId="15" fillId="0" borderId="120" xfId="3" applyBorder="1" applyAlignment="1" applyProtection="1">
      <alignment horizontal="center" vertical="center"/>
    </xf>
    <xf numFmtId="0" fontId="15" fillId="0" borderId="121" xfId="3" applyBorder="1" applyAlignment="1" applyProtection="1">
      <alignment horizontal="center" vertical="center"/>
    </xf>
    <xf numFmtId="0" fontId="15" fillId="0" borderId="122" xfId="3" applyBorder="1" applyAlignment="1" applyProtection="1">
      <alignment horizontal="center" vertical="center"/>
    </xf>
    <xf numFmtId="0" fontId="13" fillId="16" borderId="6" xfId="0" applyFont="1" applyFill="1" applyBorder="1" applyAlignment="1" applyProtection="1">
      <alignment horizontal="center" vertical="center" wrapText="1"/>
    </xf>
    <xf numFmtId="0" fontId="13" fillId="16" borderId="9" xfId="0" applyFont="1" applyFill="1" applyBorder="1" applyAlignment="1" applyProtection="1">
      <alignment horizontal="center" vertical="center" wrapText="1"/>
    </xf>
    <xf numFmtId="0" fontId="13" fillId="16" borderId="11" xfId="0" applyFont="1" applyFill="1" applyBorder="1" applyAlignment="1" applyProtection="1">
      <alignment horizontal="center" vertical="center" wrapText="1"/>
    </xf>
    <xf numFmtId="176" fontId="0" fillId="8" borderId="90" xfId="0" applyNumberFormat="1" applyFill="1" applyBorder="1" applyAlignment="1" applyProtection="1">
      <alignment horizontal="center" vertical="center" shrinkToFit="1"/>
    </xf>
    <xf numFmtId="0" fontId="0" fillId="8" borderId="92" xfId="0" applyFill="1" applyBorder="1" applyAlignment="1" applyProtection="1">
      <alignment horizontal="center" vertical="center" shrinkToFit="1"/>
    </xf>
    <xf numFmtId="176" fontId="0" fillId="12" borderId="91" xfId="0" applyNumberFormat="1" applyFill="1" applyBorder="1" applyAlignment="1" applyProtection="1">
      <alignment horizontal="center" vertical="center" shrinkToFit="1"/>
    </xf>
    <xf numFmtId="0" fontId="0" fillId="12" borderId="11" xfId="0" applyFill="1" applyBorder="1" applyAlignment="1" applyProtection="1">
      <alignment horizontal="center" vertical="center" shrinkToFit="1"/>
    </xf>
    <xf numFmtId="176" fontId="0" fillId="9" borderId="82" xfId="0" applyNumberFormat="1" applyFill="1" applyBorder="1" applyAlignment="1" applyProtection="1">
      <alignment horizontal="center" vertical="center" shrinkToFit="1"/>
    </xf>
    <xf numFmtId="0" fontId="0" fillId="9" borderId="83" xfId="0" applyFill="1" applyBorder="1" applyAlignment="1" applyProtection="1">
      <alignment horizontal="center" vertical="center" shrinkToFit="1"/>
    </xf>
    <xf numFmtId="0" fontId="13" fillId="18" borderId="7" xfId="0" applyFont="1" applyFill="1" applyBorder="1" applyAlignment="1" applyProtection="1">
      <alignment horizontal="center" vertical="center" wrapText="1"/>
    </xf>
    <xf numFmtId="0" fontId="13" fillId="18" borderId="10" xfId="0" applyFont="1" applyFill="1" applyBorder="1" applyAlignment="1" applyProtection="1">
      <alignment horizontal="center" vertical="center" wrapText="1"/>
    </xf>
    <xf numFmtId="0" fontId="13" fillId="18" borderId="83" xfId="0" applyFont="1" applyFill="1" applyBorder="1" applyAlignment="1" applyProtection="1">
      <alignment horizontal="center" vertical="center" wrapText="1"/>
    </xf>
    <xf numFmtId="0" fontId="13" fillId="15" borderId="116" xfId="0" applyFont="1" applyFill="1" applyBorder="1" applyAlignment="1" applyProtection="1">
      <alignment horizontal="center" vertical="center" wrapText="1"/>
    </xf>
    <xf numFmtId="0" fontId="13" fillId="15" borderId="76" xfId="0" applyFont="1" applyFill="1" applyBorder="1" applyAlignment="1" applyProtection="1">
      <alignment horizontal="center" vertical="center" wrapText="1"/>
    </xf>
    <xf numFmtId="0" fontId="13" fillId="15" borderId="92" xfId="0" applyFont="1" applyFill="1" applyBorder="1" applyAlignment="1" applyProtection="1">
      <alignment horizontal="center" vertical="center" wrapText="1"/>
    </xf>
  </cellXfs>
  <cellStyles count="16">
    <cellStyle name="パーセント 2" xfId="12" xr:uid="{00000000-0005-0000-0000-000000000000}"/>
    <cellStyle name="桁区切り" xfId="15" builtinId="6"/>
    <cellStyle name="桁区切り 2" xfId="5" xr:uid="{00000000-0005-0000-0000-000001000000}"/>
    <cellStyle name="桁区切り 3" xfId="7" xr:uid="{00000000-0005-0000-0000-000002000000}"/>
    <cellStyle name="標準" xfId="0" builtinId="0"/>
    <cellStyle name="標準 2" xfId="1" xr:uid="{00000000-0005-0000-0000-000004000000}"/>
    <cellStyle name="標準 2 2" xfId="2" xr:uid="{00000000-0005-0000-0000-000005000000}"/>
    <cellStyle name="標準 2 2 2" xfId="4" xr:uid="{00000000-0005-0000-0000-000006000000}"/>
    <cellStyle name="標準 2 2 3" xfId="9" xr:uid="{00000000-0005-0000-0000-000007000000}"/>
    <cellStyle name="標準 2 2 4" xfId="10" xr:uid="{00000000-0005-0000-0000-000008000000}"/>
    <cellStyle name="標準 2 2 5" xfId="14" xr:uid="{00000000-0005-0000-0000-000009000000}"/>
    <cellStyle name="標準 2 3" xfId="13" xr:uid="{00000000-0005-0000-0000-00000A000000}"/>
    <cellStyle name="標準 3" xfId="3" xr:uid="{00000000-0005-0000-0000-00000B000000}"/>
    <cellStyle name="標準 3 2" xfId="6" xr:uid="{00000000-0005-0000-0000-00000C000000}"/>
    <cellStyle name="標準 3 2 2" xfId="11" xr:uid="{00000000-0005-0000-0000-00000D000000}"/>
    <cellStyle name="標準 4" xfId="8" xr:uid="{00000000-0005-0000-0000-00000E000000}"/>
  </cellStyles>
  <dxfs count="0"/>
  <tableStyles count="0" defaultTableStyle="TableStyleMedium2" defaultPivotStyle="PivotStyleLight16"/>
  <colors>
    <mruColors>
      <color rgb="FF002060"/>
      <color rgb="FFFFCCFF"/>
      <color rgb="FFA9D08E"/>
      <color rgb="FFFCE4D6"/>
      <color rgb="FFDDEBF7"/>
      <color rgb="FFE2EFDA"/>
      <color rgb="FFFFF2CC"/>
      <color rgb="FF9BC2E6"/>
      <color rgb="FFFFFFCC"/>
      <color rgb="FFCDFFE7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KD12"/>
  <sheetViews>
    <sheetView tabSelected="1" view="pageBreakPreview" zoomScale="80" zoomScaleNormal="100" zoomScaleSheetLayoutView="80" workbookViewId="0">
      <pane xSplit="2" ySplit="11" topLeftCell="C12" activePane="bottomRight" state="frozen"/>
      <selection pane="topRight" activeCell="I1" sqref="I1"/>
      <selection pane="bottomLeft" activeCell="A15" sqref="A15"/>
      <selection pane="bottomRight"/>
    </sheetView>
  </sheetViews>
  <sheetFormatPr defaultColWidth="5.375" defaultRowHeight="13.5" x14ac:dyDescent="0.15"/>
  <cols>
    <col min="1" max="1" width="20" style="24" customWidth="1"/>
    <col min="2" max="2" width="11" style="24" bestFit="1" customWidth="1"/>
    <col min="3" max="3" width="5.625" style="24" customWidth="1"/>
    <col min="4" max="6" width="5.625" style="102" customWidth="1"/>
    <col min="7" max="7" width="5.625" style="24" customWidth="1"/>
    <col min="8" max="14" width="5.625" style="102" customWidth="1"/>
    <col min="15" max="15" width="5.625" style="24" customWidth="1"/>
    <col min="16" max="18" width="5.625" style="102" customWidth="1"/>
    <col min="19" max="19" width="5.625" style="24" customWidth="1"/>
    <col min="20" max="22" width="5.625" style="102" customWidth="1"/>
    <col min="23" max="23" width="5.625" style="24" customWidth="1"/>
    <col min="24" max="26" width="5.625" style="102" customWidth="1"/>
    <col min="27" max="27" width="5.625" style="24" customWidth="1"/>
    <col min="28" max="29" width="5.625" style="102" customWidth="1"/>
    <col min="30" max="30" width="6.125" style="102" customWidth="1"/>
    <col min="31" max="31" width="6" style="101" customWidth="1"/>
    <col min="32" max="32" width="6.5" style="101" customWidth="1"/>
    <col min="33" max="33" width="7.5" style="101" customWidth="1"/>
    <col min="34" max="34" width="5.625" style="24" customWidth="1"/>
    <col min="35" max="37" width="5.625" style="102" customWidth="1"/>
    <col min="38" max="38" width="5.625" style="24" customWidth="1"/>
    <col min="39" max="41" width="5.625" style="102" customWidth="1"/>
    <col min="42" max="42" width="5.625" style="24" customWidth="1"/>
    <col min="43" max="45" width="5.625" style="102" customWidth="1"/>
    <col min="46" max="46" width="5.625" style="24" customWidth="1"/>
    <col min="47" max="49" width="5.625" style="102" customWidth="1"/>
    <col min="50" max="50" width="5.625" style="24" customWidth="1"/>
    <col min="51" max="53" width="5.625" style="102" customWidth="1"/>
    <col min="54" max="54" width="8.5" style="101" customWidth="1"/>
    <col min="55" max="55" width="7.5" style="101" bestFit="1" customWidth="1"/>
    <col min="56" max="56" width="5.625" style="24" customWidth="1"/>
    <col min="57" max="57" width="6.25" style="24" customWidth="1"/>
    <col min="58" max="58" width="5.625" style="102" customWidth="1"/>
    <col min="59" max="59" width="7.125" style="24" customWidth="1"/>
    <col min="60" max="60" width="6.375" style="102" customWidth="1"/>
    <col min="61" max="61" width="5.625" style="24" customWidth="1"/>
    <col min="62" max="64" width="5.625" style="102" customWidth="1"/>
    <col min="65" max="65" width="5.625" style="24" customWidth="1"/>
    <col min="66" max="68" width="5.625" style="102" customWidth="1"/>
    <col min="69" max="69" width="5.625" style="24" customWidth="1"/>
    <col min="70" max="72" width="5.625" style="102" customWidth="1"/>
    <col min="73" max="73" width="6.625" style="24" customWidth="1"/>
    <col min="74" max="76" width="5.625" style="102" customWidth="1"/>
    <col min="77" max="78" width="6.5" style="101" bestFit="1" customWidth="1"/>
    <col min="79" max="79" width="7.5" style="101" bestFit="1" customWidth="1"/>
    <col min="80" max="80" width="5.625" style="24" customWidth="1"/>
    <col min="81" max="84" width="5.625" style="102" customWidth="1"/>
    <col min="85" max="85" width="5.625" style="24" customWidth="1"/>
    <col min="86" max="88" width="5.625" style="102" customWidth="1"/>
    <col min="89" max="89" width="5.625" style="24" customWidth="1"/>
    <col min="90" max="92" width="5.625" style="102" customWidth="1"/>
    <col min="93" max="93" width="7.125" style="24" bestFit="1" customWidth="1"/>
    <col min="94" max="96" width="7.125" style="102" bestFit="1" customWidth="1"/>
    <col min="97" max="97" width="5.625" style="24" customWidth="1"/>
    <col min="98" max="99" width="5.625" style="102" customWidth="1"/>
    <col min="100" max="100" width="7.5" style="101" bestFit="1" customWidth="1"/>
    <col min="101" max="101" width="6.5" style="101" bestFit="1" customWidth="1"/>
    <col min="102" max="102" width="7.5" style="101" bestFit="1" customWidth="1"/>
    <col min="103" max="103" width="5.625" style="24" customWidth="1"/>
    <col min="104" max="106" width="5.625" style="102" customWidth="1"/>
    <col min="107" max="107" width="7.125" style="24" bestFit="1" customWidth="1"/>
    <col min="108" max="110" width="7.125" style="102" bestFit="1" customWidth="1"/>
    <col min="111" max="111" width="7.125" style="24" bestFit="1" customWidth="1"/>
    <col min="112" max="112" width="7.125" style="102" bestFit="1" customWidth="1"/>
    <col min="113" max="114" width="5.625" style="102" customWidth="1"/>
    <col min="115" max="115" width="5.625" style="24" customWidth="1"/>
    <col min="116" max="118" width="5.625" style="102" customWidth="1"/>
    <col min="119" max="119" width="5.625" style="24" customWidth="1"/>
    <col min="120" max="122" width="5.625" style="102" customWidth="1"/>
    <col min="123" max="123" width="7.5" style="101" bestFit="1" customWidth="1"/>
    <col min="124" max="124" width="6.5" style="101" bestFit="1" customWidth="1"/>
    <col min="125" max="125" width="7.5" style="101" bestFit="1" customWidth="1"/>
    <col min="126" max="126" width="7.125" style="24" bestFit="1" customWidth="1"/>
    <col min="127" max="129" width="5.625" style="102" customWidth="1"/>
    <col min="130" max="130" width="5.625" style="24" customWidth="1"/>
    <col min="131" max="133" width="5.625" style="102" customWidth="1"/>
    <col min="134" max="134" width="5.625" style="24" customWidth="1"/>
    <col min="135" max="137" width="5.625" style="102" customWidth="1"/>
    <col min="138" max="138" width="7.125" style="24" bestFit="1" customWidth="1"/>
    <col min="139" max="140" width="7.125" style="102" bestFit="1" customWidth="1"/>
    <col min="141" max="141" width="5.625" style="102" customWidth="1"/>
    <col min="142" max="142" width="7.125" style="24" bestFit="1" customWidth="1"/>
    <col min="143" max="145" width="7.125" style="102" bestFit="1" customWidth="1"/>
    <col min="146" max="146" width="7.125" style="24" bestFit="1" customWidth="1"/>
    <col min="147" max="147" width="7.125" style="102" bestFit="1" customWidth="1"/>
    <col min="148" max="149" width="5.625" style="102" customWidth="1"/>
    <col min="150" max="150" width="7.125" style="24" bestFit="1" customWidth="1"/>
    <col min="151" max="151" width="7.125" style="102" bestFit="1" customWidth="1"/>
    <col min="152" max="153" width="5.625" style="102" customWidth="1"/>
    <col min="154" max="154" width="7.125" style="24" bestFit="1" customWidth="1"/>
    <col min="155" max="155" width="7.125" style="102" bestFit="1" customWidth="1"/>
    <col min="156" max="157" width="5.625" style="102" customWidth="1"/>
    <col min="158" max="158" width="7.125" style="24" bestFit="1" customWidth="1"/>
    <col min="159" max="159" width="7.125" style="102" bestFit="1" customWidth="1"/>
    <col min="160" max="161" width="5.625" style="102" customWidth="1"/>
    <col min="162" max="162" width="7.125" style="24" bestFit="1" customWidth="1"/>
    <col min="163" max="165" width="5.625" style="102" customWidth="1"/>
    <col min="166" max="166" width="5.625" style="24" customWidth="1"/>
    <col min="167" max="169" width="5.625" style="102" customWidth="1"/>
    <col min="170" max="170" width="7.125" style="24" bestFit="1" customWidth="1"/>
    <col min="171" max="173" width="5.625" style="102" customWidth="1"/>
    <col min="174" max="176" width="7.5" style="101" bestFit="1" customWidth="1"/>
    <col min="177" max="178" width="5.625" style="24" customWidth="1"/>
    <col min="179" max="181" width="5.625" style="102" customWidth="1"/>
    <col min="182" max="182" width="7.125" style="24" bestFit="1" customWidth="1"/>
    <col min="183" max="183" width="7.125" style="102" bestFit="1" customWidth="1"/>
    <col min="184" max="184" width="5.625" style="24" customWidth="1"/>
    <col min="185" max="187" width="5.625" style="102" customWidth="1"/>
    <col min="188" max="188" width="5.625" style="24" customWidth="1"/>
    <col min="189" max="191" width="5.625" style="102" customWidth="1"/>
    <col min="192" max="194" width="6.5" style="101" bestFit="1" customWidth="1"/>
    <col min="195" max="195" width="5.625" style="24" customWidth="1"/>
    <col min="196" max="198" width="5.625" style="102" customWidth="1"/>
    <col min="199" max="199" width="5.625" style="24" customWidth="1"/>
    <col min="200" max="206" width="5.625" style="102" customWidth="1"/>
    <col min="207" max="207" width="5.625" style="24" customWidth="1"/>
    <col min="208" max="210" width="5.625" style="102" customWidth="1"/>
    <col min="211" max="211" width="5.625" style="24" customWidth="1"/>
    <col min="212" max="218" width="5.625" style="102" customWidth="1"/>
    <col min="219" max="219" width="5.625" style="24" customWidth="1"/>
    <col min="220" max="222" width="5.625" style="102" customWidth="1"/>
    <col min="223" max="223" width="5.625" style="24" customWidth="1"/>
    <col min="224" max="229" width="5.625" style="102" customWidth="1"/>
    <col min="230" max="231" width="7.5" style="101" bestFit="1" customWidth="1"/>
    <col min="232" max="232" width="8.5" style="101" bestFit="1" customWidth="1"/>
    <col min="233" max="233" width="5.625" style="24" customWidth="1"/>
    <col min="234" max="235" width="5.625" style="102" customWidth="1"/>
    <col min="236" max="236" width="5.625" style="24" customWidth="1"/>
    <col min="237" max="239" width="5.625" style="102" customWidth="1"/>
    <col min="240" max="240" width="5.625" style="24" customWidth="1"/>
    <col min="241" max="243" width="5.625" style="102" customWidth="1"/>
    <col min="244" max="244" width="5.625" style="24" customWidth="1"/>
    <col min="245" max="246" width="5.625" style="102" customWidth="1"/>
    <col min="247" max="247" width="5.625" style="24" customWidth="1"/>
    <col min="248" max="250" width="5.625" style="102" customWidth="1"/>
    <col min="251" max="251" width="5.625" style="24" customWidth="1"/>
    <col min="252" max="254" width="5.625" style="102" customWidth="1"/>
    <col min="255" max="255" width="5.625" style="24" customWidth="1"/>
    <col min="256" max="256" width="5.625" style="102" customWidth="1"/>
    <col min="257" max="258" width="6.5" style="101" bestFit="1" customWidth="1"/>
    <col min="259" max="259" width="5.625" style="24" customWidth="1"/>
    <col min="260" max="262" width="5.625" style="102" customWidth="1"/>
    <col min="263" max="263" width="5.625" style="24" customWidth="1"/>
    <col min="264" max="266" width="5.625" style="102" customWidth="1"/>
    <col min="267" max="267" width="7.125" style="24" bestFit="1" customWidth="1"/>
    <col min="268" max="269" width="7.125" style="102" bestFit="1" customWidth="1"/>
    <col min="270" max="270" width="5.625" style="102" customWidth="1"/>
    <col min="271" max="271" width="5.625" style="24" customWidth="1"/>
    <col min="272" max="274" width="5.625" style="102" customWidth="1"/>
    <col min="275" max="275" width="5.625" style="24" customWidth="1"/>
    <col min="276" max="278" width="5.625" style="102" customWidth="1"/>
    <col min="279" max="279" width="5.625" style="24" customWidth="1"/>
    <col min="280" max="281" width="5.625" style="102" customWidth="1"/>
    <col min="282" max="282" width="8.375" style="101" bestFit="1" customWidth="1"/>
    <col min="283" max="284" width="6.5" style="101" bestFit="1" customWidth="1"/>
    <col min="285" max="285" width="7.5" style="101" bestFit="1" customWidth="1"/>
    <col min="286" max="286" width="7.125" style="101" bestFit="1" customWidth="1"/>
    <col min="287" max="287" width="7.5" style="101" bestFit="1" customWidth="1"/>
    <col min="288" max="288" width="10.125" style="101" customWidth="1"/>
    <col min="289" max="289" width="8.375" style="101" customWidth="1"/>
    <col min="290" max="290" width="9.75" style="101" customWidth="1"/>
    <col min="291" max="16384" width="5.375" style="102"/>
  </cols>
  <sheetData>
    <row r="1" spans="1:290" s="24" customFormat="1" ht="35.25" customHeight="1" thickBot="1" x14ac:dyDescent="0.2">
      <c r="A1" s="89" t="s">
        <v>80</v>
      </c>
      <c r="B1" s="89"/>
      <c r="C1" s="90"/>
      <c r="D1" s="90"/>
      <c r="E1" s="90"/>
      <c r="F1" s="90"/>
      <c r="G1" s="90"/>
      <c r="H1" s="90"/>
      <c r="I1" s="90"/>
      <c r="J1" s="90"/>
      <c r="K1" s="90"/>
      <c r="L1" s="90"/>
      <c r="M1" s="90"/>
      <c r="N1" s="90"/>
      <c r="O1" s="90"/>
      <c r="P1" s="90"/>
      <c r="Q1" s="90"/>
      <c r="R1" s="90"/>
      <c r="S1" s="90"/>
      <c r="T1" s="90"/>
      <c r="U1" s="90"/>
      <c r="V1" s="90"/>
      <c r="W1" s="90"/>
      <c r="X1" s="90"/>
      <c r="Y1" s="90"/>
      <c r="Z1" s="90"/>
      <c r="AA1" s="90"/>
      <c r="AB1" s="90"/>
      <c r="AC1" s="90"/>
      <c r="AD1" s="90"/>
      <c r="AE1" s="91"/>
      <c r="AF1" s="91"/>
      <c r="AG1" s="91"/>
      <c r="AH1" s="116"/>
      <c r="AI1" s="116"/>
      <c r="AJ1" s="116"/>
      <c r="AK1" s="116"/>
      <c r="AL1" s="116"/>
      <c r="AM1" s="116"/>
      <c r="AN1" s="116"/>
      <c r="AO1" s="116"/>
      <c r="AP1" s="116"/>
      <c r="AQ1" s="116"/>
      <c r="AR1" s="116"/>
      <c r="AS1" s="116"/>
      <c r="AT1" s="116"/>
      <c r="AU1" s="116"/>
      <c r="AV1" s="116"/>
      <c r="AW1" s="116"/>
      <c r="AX1" s="116"/>
      <c r="AY1" s="116"/>
      <c r="AZ1" s="116"/>
      <c r="BA1" s="116"/>
      <c r="BB1" s="117"/>
      <c r="BC1" s="117"/>
      <c r="BD1" s="116"/>
      <c r="BE1" s="116"/>
      <c r="BF1" s="116"/>
      <c r="BG1" s="116"/>
      <c r="BH1" s="116"/>
      <c r="BI1" s="116"/>
      <c r="BJ1" s="116"/>
      <c r="BK1" s="116"/>
      <c r="BL1" s="116"/>
      <c r="BM1" s="116"/>
      <c r="BN1" s="116"/>
      <c r="BO1" s="116"/>
      <c r="BP1" s="116"/>
      <c r="BQ1" s="116"/>
      <c r="BR1" s="116"/>
      <c r="BS1" s="116"/>
      <c r="BT1" s="116"/>
      <c r="BU1" s="116"/>
      <c r="BV1" s="116"/>
      <c r="BW1" s="116"/>
      <c r="BX1" s="116"/>
      <c r="BY1" s="117"/>
      <c r="BZ1" s="117"/>
      <c r="CA1" s="117"/>
      <c r="CB1" s="116"/>
      <c r="CC1" s="116"/>
      <c r="CD1" s="116"/>
      <c r="CE1" s="116"/>
      <c r="CF1" s="116"/>
      <c r="CG1" s="116"/>
      <c r="CH1" s="116"/>
      <c r="CI1" s="116"/>
      <c r="CJ1" s="116"/>
      <c r="CK1" s="116"/>
      <c r="CL1" s="116"/>
      <c r="CM1" s="116"/>
      <c r="CN1" s="116"/>
      <c r="CO1" s="116"/>
      <c r="CP1" s="116"/>
      <c r="CQ1" s="116"/>
      <c r="CR1" s="116"/>
      <c r="CS1" s="116"/>
      <c r="CT1" s="116"/>
      <c r="CU1" s="116"/>
      <c r="CV1" s="117"/>
      <c r="CW1" s="117"/>
      <c r="CX1" s="117"/>
      <c r="CY1" s="116"/>
      <c r="CZ1" s="116"/>
      <c r="DA1" s="116"/>
      <c r="DB1" s="116"/>
      <c r="DC1" s="116"/>
      <c r="DD1" s="116"/>
      <c r="DE1" s="116"/>
      <c r="DF1" s="116"/>
      <c r="DG1" s="116"/>
      <c r="DH1" s="116"/>
      <c r="DI1" s="116"/>
      <c r="DJ1" s="116"/>
      <c r="DK1" s="116"/>
      <c r="DL1" s="116"/>
      <c r="DM1" s="116"/>
      <c r="DN1" s="116"/>
      <c r="DO1" s="116"/>
      <c r="DP1" s="116"/>
      <c r="DQ1" s="116"/>
      <c r="DR1" s="116"/>
      <c r="DS1" s="117"/>
      <c r="DT1" s="117"/>
      <c r="DU1" s="117"/>
      <c r="DV1" s="116"/>
      <c r="DW1" s="116"/>
      <c r="DX1" s="116"/>
      <c r="DY1" s="116"/>
      <c r="DZ1" s="116"/>
      <c r="EA1" s="116"/>
      <c r="EB1" s="116"/>
      <c r="EC1" s="116"/>
      <c r="ED1" s="116"/>
      <c r="EE1" s="116"/>
      <c r="EF1" s="116"/>
      <c r="EG1" s="116"/>
      <c r="EH1" s="116"/>
      <c r="EI1" s="116"/>
      <c r="EJ1" s="116"/>
      <c r="EK1" s="116"/>
      <c r="EL1" s="116"/>
      <c r="EM1" s="116"/>
      <c r="EN1" s="116"/>
      <c r="EO1" s="116"/>
      <c r="EP1" s="116"/>
      <c r="EQ1" s="116"/>
      <c r="ER1" s="116"/>
      <c r="ES1" s="116"/>
      <c r="ET1" s="116"/>
      <c r="EU1" s="116"/>
      <c r="EV1" s="116"/>
      <c r="EW1" s="116"/>
      <c r="EX1" s="116"/>
      <c r="EY1" s="116"/>
      <c r="EZ1" s="116"/>
      <c r="FA1" s="116"/>
      <c r="FB1" s="116"/>
      <c r="FC1" s="116"/>
      <c r="FD1" s="116"/>
      <c r="FE1" s="116"/>
      <c r="FF1" s="116"/>
      <c r="FG1" s="116"/>
      <c r="FH1" s="116"/>
      <c r="FI1" s="116"/>
      <c r="FJ1" s="116"/>
      <c r="FK1" s="116"/>
      <c r="FL1" s="116"/>
      <c r="FM1" s="116"/>
      <c r="FN1" s="116"/>
      <c r="FO1" s="116"/>
      <c r="FP1" s="116"/>
      <c r="FQ1" s="116"/>
      <c r="FR1" s="117"/>
      <c r="FS1" s="117"/>
      <c r="FT1" s="117"/>
      <c r="FU1" s="116"/>
      <c r="FV1" s="116"/>
      <c r="FW1" s="116"/>
      <c r="FX1" s="116"/>
      <c r="FY1" s="116"/>
      <c r="FZ1" s="116"/>
      <c r="GA1" s="116"/>
      <c r="GB1" s="116"/>
      <c r="GC1" s="116"/>
      <c r="GD1" s="116"/>
      <c r="GE1" s="116"/>
      <c r="GF1" s="116"/>
      <c r="GG1" s="116"/>
      <c r="GH1" s="116"/>
      <c r="GI1" s="116"/>
      <c r="GJ1" s="117"/>
      <c r="GK1" s="117"/>
      <c r="GL1" s="117"/>
      <c r="GM1" s="116"/>
      <c r="GN1" s="116"/>
      <c r="GO1" s="116"/>
      <c r="GP1" s="116"/>
      <c r="GQ1" s="116"/>
      <c r="GR1" s="116"/>
      <c r="GS1" s="116"/>
      <c r="GT1" s="116"/>
      <c r="GU1" s="116"/>
      <c r="GV1" s="116"/>
      <c r="GW1" s="116"/>
      <c r="GX1" s="116"/>
      <c r="GY1" s="116"/>
      <c r="GZ1" s="116"/>
      <c r="HA1" s="116"/>
      <c r="HB1" s="116"/>
      <c r="HC1" s="116"/>
      <c r="HD1" s="116"/>
      <c r="HE1" s="116"/>
      <c r="HF1" s="116"/>
      <c r="HG1" s="116"/>
      <c r="HH1" s="116"/>
      <c r="HI1" s="116"/>
      <c r="HJ1" s="116"/>
      <c r="HK1" s="116"/>
      <c r="HL1" s="116"/>
      <c r="HM1" s="116"/>
      <c r="HN1" s="116"/>
      <c r="HO1" s="116"/>
      <c r="HP1" s="116"/>
      <c r="HQ1" s="116"/>
      <c r="HR1" s="116"/>
      <c r="HS1" s="116"/>
      <c r="HT1" s="116"/>
      <c r="HU1" s="116"/>
      <c r="HV1" s="117"/>
      <c r="HW1" s="117"/>
      <c r="HX1" s="117"/>
      <c r="HY1" s="90"/>
      <c r="HZ1" s="90"/>
      <c r="IA1" s="90"/>
      <c r="IB1" s="90"/>
      <c r="IC1" s="90"/>
      <c r="ID1" s="90"/>
      <c r="IE1" s="90"/>
      <c r="IF1" s="90"/>
      <c r="IG1" s="90"/>
      <c r="IH1" s="90"/>
      <c r="II1" s="90"/>
      <c r="IJ1" s="90"/>
      <c r="IK1" s="90"/>
      <c r="IL1" s="90"/>
      <c r="IM1" s="90"/>
      <c r="IN1" s="90"/>
      <c r="IO1" s="90"/>
      <c r="IP1" s="90"/>
      <c r="IQ1" s="90"/>
      <c r="IR1" s="90"/>
      <c r="IS1" s="90"/>
      <c r="IT1" s="90"/>
      <c r="IU1" s="90"/>
      <c r="IV1" s="90"/>
      <c r="IW1" s="91"/>
      <c r="IX1" s="91"/>
      <c r="IY1" s="90"/>
      <c r="IZ1" s="90"/>
      <c r="JA1" s="90"/>
      <c r="JB1" s="90"/>
      <c r="JC1" s="90"/>
      <c r="JD1" s="90"/>
      <c r="JE1" s="90"/>
      <c r="JF1" s="90"/>
      <c r="JG1" s="90"/>
      <c r="JH1" s="90"/>
      <c r="JI1" s="90"/>
      <c r="JJ1" s="90"/>
      <c r="JK1" s="90"/>
      <c r="JL1" s="90"/>
      <c r="JM1" s="90"/>
      <c r="JN1" s="90"/>
      <c r="JO1" s="90"/>
      <c r="JP1" s="90"/>
      <c r="JQ1" s="90"/>
      <c r="JR1" s="90"/>
      <c r="JS1" s="90"/>
      <c r="JT1" s="90"/>
      <c r="JU1" s="90"/>
      <c r="JV1" s="91"/>
      <c r="JW1" s="91"/>
      <c r="JX1" s="91"/>
      <c r="JY1" s="117"/>
      <c r="JZ1" s="117"/>
      <c r="KA1" s="117"/>
      <c r="KB1" s="117"/>
      <c r="KC1" s="91"/>
      <c r="KD1" s="91"/>
    </row>
    <row r="2" spans="1:290" s="93" customFormat="1" ht="32.25" customHeight="1" thickTop="1" thickBot="1" x14ac:dyDescent="0.2">
      <c r="A2" s="92" t="s">
        <v>33</v>
      </c>
      <c r="B2" s="315" t="s">
        <v>78</v>
      </c>
      <c r="C2" s="310" t="s">
        <v>22</v>
      </c>
      <c r="D2" s="311"/>
      <c r="E2" s="311"/>
      <c r="F2" s="311"/>
      <c r="G2" s="311"/>
      <c r="H2" s="311"/>
      <c r="I2" s="311"/>
      <c r="J2" s="311"/>
      <c r="K2" s="311"/>
      <c r="L2" s="311"/>
      <c r="M2" s="311"/>
      <c r="N2" s="311"/>
      <c r="O2" s="311"/>
      <c r="P2" s="311"/>
      <c r="Q2" s="311"/>
      <c r="R2" s="311"/>
      <c r="S2" s="311"/>
      <c r="T2" s="311"/>
      <c r="U2" s="311"/>
      <c r="V2" s="311"/>
      <c r="W2" s="311"/>
      <c r="X2" s="311"/>
      <c r="Y2" s="311"/>
      <c r="Z2" s="311"/>
      <c r="AA2" s="311"/>
      <c r="AB2" s="311"/>
      <c r="AC2" s="311"/>
      <c r="AD2" s="311"/>
      <c r="AE2" s="333" t="s">
        <v>50</v>
      </c>
      <c r="AF2" s="321" t="s">
        <v>51</v>
      </c>
      <c r="AG2" s="330" t="s">
        <v>44</v>
      </c>
      <c r="AH2" s="215" t="s">
        <v>24</v>
      </c>
      <c r="AI2" s="216"/>
      <c r="AJ2" s="216"/>
      <c r="AK2" s="216"/>
      <c r="AL2" s="216"/>
      <c r="AM2" s="216"/>
      <c r="AN2" s="216"/>
      <c r="AO2" s="216"/>
      <c r="AP2" s="216"/>
      <c r="AQ2" s="216"/>
      <c r="AR2" s="216"/>
      <c r="AS2" s="216"/>
      <c r="AT2" s="216"/>
      <c r="AU2" s="216"/>
      <c r="AV2" s="216"/>
      <c r="AW2" s="216"/>
      <c r="AX2" s="216"/>
      <c r="AY2" s="216"/>
      <c r="AZ2" s="216"/>
      <c r="BA2" s="216"/>
      <c r="BB2" s="216"/>
      <c r="BC2" s="216"/>
      <c r="BD2" s="216"/>
      <c r="BE2" s="216"/>
      <c r="BF2" s="216"/>
      <c r="BG2" s="216"/>
      <c r="BH2" s="216"/>
      <c r="BI2" s="216"/>
      <c r="BJ2" s="216"/>
      <c r="BK2" s="216"/>
      <c r="BL2" s="216"/>
      <c r="BM2" s="216"/>
      <c r="BN2" s="216"/>
      <c r="BO2" s="216"/>
      <c r="BP2" s="216"/>
      <c r="BQ2" s="216"/>
      <c r="BR2" s="216"/>
      <c r="BS2" s="216"/>
      <c r="BT2" s="216"/>
      <c r="BU2" s="216"/>
      <c r="BV2" s="216"/>
      <c r="BW2" s="216"/>
      <c r="BX2" s="216"/>
      <c r="BY2" s="216"/>
      <c r="BZ2" s="216"/>
      <c r="CA2" s="216"/>
      <c r="CB2" s="216"/>
      <c r="CC2" s="216"/>
      <c r="CD2" s="216"/>
      <c r="CE2" s="216"/>
      <c r="CF2" s="216"/>
      <c r="CG2" s="216"/>
      <c r="CH2" s="216"/>
      <c r="CI2" s="216"/>
      <c r="CJ2" s="216"/>
      <c r="CK2" s="216"/>
      <c r="CL2" s="216"/>
      <c r="CM2" s="216"/>
      <c r="CN2" s="216"/>
      <c r="CO2" s="216"/>
      <c r="CP2" s="216"/>
      <c r="CQ2" s="216"/>
      <c r="CR2" s="216"/>
      <c r="CS2" s="216"/>
      <c r="CT2" s="216"/>
      <c r="CU2" s="216"/>
      <c r="CV2" s="216"/>
      <c r="CW2" s="216"/>
      <c r="CX2" s="216"/>
      <c r="CY2" s="216"/>
      <c r="CZ2" s="216"/>
      <c r="DA2" s="216"/>
      <c r="DB2" s="216"/>
      <c r="DC2" s="216"/>
      <c r="DD2" s="216"/>
      <c r="DE2" s="216"/>
      <c r="DF2" s="216"/>
      <c r="DG2" s="216"/>
      <c r="DH2" s="216"/>
      <c r="DI2" s="216"/>
      <c r="DJ2" s="216"/>
      <c r="DK2" s="216"/>
      <c r="DL2" s="216"/>
      <c r="DM2" s="216"/>
      <c r="DN2" s="216"/>
      <c r="DO2" s="216"/>
      <c r="DP2" s="216"/>
      <c r="DQ2" s="216"/>
      <c r="DR2" s="216"/>
      <c r="DS2" s="216"/>
      <c r="DT2" s="216"/>
      <c r="DU2" s="216"/>
      <c r="DV2" s="216"/>
      <c r="DW2" s="216"/>
      <c r="DX2" s="216"/>
      <c r="DY2" s="216"/>
      <c r="DZ2" s="216"/>
      <c r="EA2" s="216"/>
      <c r="EB2" s="216"/>
      <c r="EC2" s="216"/>
      <c r="ED2" s="216"/>
      <c r="EE2" s="216"/>
      <c r="EF2" s="216"/>
      <c r="EG2" s="216"/>
      <c r="EH2" s="216"/>
      <c r="EI2" s="216"/>
      <c r="EJ2" s="216"/>
      <c r="EK2" s="216"/>
      <c r="EL2" s="216"/>
      <c r="EM2" s="216"/>
      <c r="EN2" s="216"/>
      <c r="EO2" s="216"/>
      <c r="EP2" s="216"/>
      <c r="EQ2" s="216"/>
      <c r="ER2" s="216"/>
      <c r="ES2" s="216"/>
      <c r="ET2" s="216"/>
      <c r="EU2" s="216"/>
      <c r="EV2" s="216"/>
      <c r="EW2" s="216"/>
      <c r="EX2" s="216"/>
      <c r="EY2" s="216"/>
      <c r="EZ2" s="216"/>
      <c r="FA2" s="216"/>
      <c r="FB2" s="216"/>
      <c r="FC2" s="216"/>
      <c r="FD2" s="216"/>
      <c r="FE2" s="216"/>
      <c r="FF2" s="216"/>
      <c r="FG2" s="216"/>
      <c r="FH2" s="216"/>
      <c r="FI2" s="216"/>
      <c r="FJ2" s="216"/>
      <c r="FK2" s="216"/>
      <c r="FL2" s="216"/>
      <c r="FM2" s="216"/>
      <c r="FN2" s="216"/>
      <c r="FO2" s="216"/>
      <c r="FP2" s="216"/>
      <c r="FQ2" s="216"/>
      <c r="FR2" s="216"/>
      <c r="FS2" s="216"/>
      <c r="FT2" s="216"/>
      <c r="FU2" s="216"/>
      <c r="FV2" s="216"/>
      <c r="FW2" s="216"/>
      <c r="FX2" s="216"/>
      <c r="FY2" s="216"/>
      <c r="FZ2" s="216"/>
      <c r="GA2" s="216"/>
      <c r="GB2" s="216"/>
      <c r="GC2" s="216"/>
      <c r="GD2" s="216"/>
      <c r="GE2" s="216"/>
      <c r="GF2" s="216"/>
      <c r="GG2" s="216"/>
      <c r="GH2" s="216"/>
      <c r="GI2" s="216"/>
      <c r="GJ2" s="216"/>
      <c r="GK2" s="216"/>
      <c r="GL2" s="216"/>
      <c r="GM2" s="216"/>
      <c r="GN2" s="216"/>
      <c r="GO2" s="216"/>
      <c r="GP2" s="216"/>
      <c r="GQ2" s="216"/>
      <c r="GR2" s="216"/>
      <c r="GS2" s="216"/>
      <c r="GT2" s="216"/>
      <c r="GU2" s="216"/>
      <c r="GV2" s="216"/>
      <c r="GW2" s="216"/>
      <c r="GX2" s="216"/>
      <c r="GY2" s="216"/>
      <c r="GZ2" s="216"/>
      <c r="HA2" s="216"/>
      <c r="HB2" s="216"/>
      <c r="HC2" s="216"/>
      <c r="HD2" s="216"/>
      <c r="HE2" s="216"/>
      <c r="HF2" s="216"/>
      <c r="HG2" s="216"/>
      <c r="HH2" s="216"/>
      <c r="HI2" s="216"/>
      <c r="HJ2" s="216"/>
      <c r="HK2" s="216"/>
      <c r="HL2" s="216"/>
      <c r="HM2" s="216"/>
      <c r="HN2" s="216"/>
      <c r="HO2" s="216"/>
      <c r="HP2" s="216"/>
      <c r="HQ2" s="216"/>
      <c r="HR2" s="216"/>
      <c r="HS2" s="216"/>
      <c r="HT2" s="216"/>
      <c r="HU2" s="217"/>
      <c r="HV2" s="201" t="s">
        <v>52</v>
      </c>
      <c r="HW2" s="206" t="s">
        <v>53</v>
      </c>
      <c r="HX2" s="268" t="s">
        <v>46</v>
      </c>
      <c r="HY2" s="209" t="s">
        <v>40</v>
      </c>
      <c r="HZ2" s="210"/>
      <c r="IA2" s="210"/>
      <c r="IB2" s="210"/>
      <c r="IC2" s="210"/>
      <c r="ID2" s="210"/>
      <c r="IE2" s="210"/>
      <c r="IF2" s="210"/>
      <c r="IG2" s="210"/>
      <c r="IH2" s="210"/>
      <c r="II2" s="210"/>
      <c r="IJ2" s="210"/>
      <c r="IK2" s="210"/>
      <c r="IL2" s="210"/>
      <c r="IM2" s="210"/>
      <c r="IN2" s="210"/>
      <c r="IO2" s="210"/>
      <c r="IP2" s="210"/>
      <c r="IQ2" s="210"/>
      <c r="IR2" s="210"/>
      <c r="IS2" s="210"/>
      <c r="IT2" s="210"/>
      <c r="IU2" s="210"/>
      <c r="IV2" s="210"/>
      <c r="IW2" s="210"/>
      <c r="IX2" s="210"/>
      <c r="IY2" s="210"/>
      <c r="IZ2" s="210"/>
      <c r="JA2" s="210"/>
      <c r="JB2" s="210"/>
      <c r="JC2" s="210"/>
      <c r="JD2" s="210"/>
      <c r="JE2" s="210"/>
      <c r="JF2" s="210"/>
      <c r="JG2" s="210"/>
      <c r="JH2" s="210"/>
      <c r="JI2" s="210"/>
      <c r="JJ2" s="210"/>
      <c r="JK2" s="210"/>
      <c r="JL2" s="210"/>
      <c r="JM2" s="210"/>
      <c r="JN2" s="210"/>
      <c r="JO2" s="210"/>
      <c r="JP2" s="210"/>
      <c r="JQ2" s="210"/>
      <c r="JR2" s="210"/>
      <c r="JS2" s="210"/>
      <c r="JT2" s="210"/>
      <c r="JU2" s="210"/>
      <c r="JV2" s="210"/>
      <c r="JW2" s="210"/>
      <c r="JX2" s="211"/>
      <c r="JY2" s="201" t="s">
        <v>54</v>
      </c>
      <c r="JZ2" s="206" t="s">
        <v>55</v>
      </c>
      <c r="KA2" s="235" t="s">
        <v>47</v>
      </c>
      <c r="KB2" s="182" t="s">
        <v>48</v>
      </c>
      <c r="KC2" s="185" t="s">
        <v>49</v>
      </c>
      <c r="KD2" s="188" t="s">
        <v>43</v>
      </c>
    </row>
    <row r="3" spans="1:290" s="93" customFormat="1" ht="78" customHeight="1" thickTop="1" x14ac:dyDescent="0.15">
      <c r="A3" s="94"/>
      <c r="B3" s="316"/>
      <c r="C3" s="312"/>
      <c r="D3" s="313"/>
      <c r="E3" s="313"/>
      <c r="F3" s="313"/>
      <c r="G3" s="313"/>
      <c r="H3" s="313"/>
      <c r="I3" s="313"/>
      <c r="J3" s="313"/>
      <c r="K3" s="313"/>
      <c r="L3" s="313"/>
      <c r="M3" s="313"/>
      <c r="N3" s="313"/>
      <c r="O3" s="313"/>
      <c r="P3" s="313"/>
      <c r="Q3" s="313"/>
      <c r="R3" s="313"/>
      <c r="S3" s="313"/>
      <c r="T3" s="313"/>
      <c r="U3" s="313"/>
      <c r="V3" s="313"/>
      <c r="W3" s="313"/>
      <c r="X3" s="313"/>
      <c r="Y3" s="313"/>
      <c r="Z3" s="313"/>
      <c r="AA3" s="313"/>
      <c r="AB3" s="313"/>
      <c r="AC3" s="313"/>
      <c r="AD3" s="313"/>
      <c r="AE3" s="334"/>
      <c r="AF3" s="322"/>
      <c r="AG3" s="331"/>
      <c r="AH3" s="314" t="s">
        <v>25</v>
      </c>
      <c r="AI3" s="292"/>
      <c r="AJ3" s="292"/>
      <c r="AK3" s="292"/>
      <c r="AL3" s="292"/>
      <c r="AM3" s="292"/>
      <c r="AN3" s="292"/>
      <c r="AO3" s="292"/>
      <c r="AP3" s="292"/>
      <c r="AQ3" s="292"/>
      <c r="AR3" s="292"/>
      <c r="AS3" s="292"/>
      <c r="AT3" s="292"/>
      <c r="AU3" s="292"/>
      <c r="AV3" s="292"/>
      <c r="AW3" s="292"/>
      <c r="AX3" s="292"/>
      <c r="AY3" s="292"/>
      <c r="AZ3" s="292"/>
      <c r="BA3" s="293"/>
      <c r="BB3" s="286" t="s">
        <v>48</v>
      </c>
      <c r="BC3" s="288" t="s">
        <v>45</v>
      </c>
      <c r="BD3" s="291" t="s">
        <v>26</v>
      </c>
      <c r="BE3" s="292"/>
      <c r="BF3" s="292"/>
      <c r="BG3" s="292"/>
      <c r="BH3" s="292"/>
      <c r="BI3" s="292"/>
      <c r="BJ3" s="292"/>
      <c r="BK3" s="292"/>
      <c r="BL3" s="292"/>
      <c r="BM3" s="292"/>
      <c r="BN3" s="292"/>
      <c r="BO3" s="292"/>
      <c r="BP3" s="292"/>
      <c r="BQ3" s="292"/>
      <c r="BR3" s="292"/>
      <c r="BS3" s="292"/>
      <c r="BT3" s="292"/>
      <c r="BU3" s="292"/>
      <c r="BV3" s="292"/>
      <c r="BW3" s="292"/>
      <c r="BX3" s="293"/>
      <c r="BY3" s="286" t="s">
        <v>48</v>
      </c>
      <c r="BZ3" s="287" t="s">
        <v>49</v>
      </c>
      <c r="CA3" s="288" t="s">
        <v>45</v>
      </c>
      <c r="CB3" s="291" t="s">
        <v>27</v>
      </c>
      <c r="CC3" s="292"/>
      <c r="CD3" s="292"/>
      <c r="CE3" s="292"/>
      <c r="CF3" s="292"/>
      <c r="CG3" s="292"/>
      <c r="CH3" s="292"/>
      <c r="CI3" s="292"/>
      <c r="CJ3" s="292"/>
      <c r="CK3" s="292"/>
      <c r="CL3" s="292"/>
      <c r="CM3" s="292"/>
      <c r="CN3" s="292"/>
      <c r="CO3" s="292"/>
      <c r="CP3" s="292"/>
      <c r="CQ3" s="292"/>
      <c r="CR3" s="292"/>
      <c r="CS3" s="292"/>
      <c r="CT3" s="292"/>
      <c r="CU3" s="293"/>
      <c r="CV3" s="286" t="s">
        <v>48</v>
      </c>
      <c r="CW3" s="287" t="s">
        <v>49</v>
      </c>
      <c r="CX3" s="288" t="s">
        <v>45</v>
      </c>
      <c r="CY3" s="291" t="s">
        <v>28</v>
      </c>
      <c r="CZ3" s="292"/>
      <c r="DA3" s="292"/>
      <c r="DB3" s="292"/>
      <c r="DC3" s="292"/>
      <c r="DD3" s="292"/>
      <c r="DE3" s="292"/>
      <c r="DF3" s="292"/>
      <c r="DG3" s="292"/>
      <c r="DH3" s="292"/>
      <c r="DI3" s="292"/>
      <c r="DJ3" s="292"/>
      <c r="DK3" s="292"/>
      <c r="DL3" s="292"/>
      <c r="DM3" s="292"/>
      <c r="DN3" s="292"/>
      <c r="DO3" s="292"/>
      <c r="DP3" s="292"/>
      <c r="DQ3" s="292"/>
      <c r="DR3" s="293"/>
      <c r="DS3" s="286" t="s">
        <v>48</v>
      </c>
      <c r="DT3" s="287" t="s">
        <v>49</v>
      </c>
      <c r="DU3" s="288" t="s">
        <v>45</v>
      </c>
      <c r="DV3" s="291" t="s">
        <v>32</v>
      </c>
      <c r="DW3" s="292"/>
      <c r="DX3" s="292"/>
      <c r="DY3" s="292"/>
      <c r="DZ3" s="292"/>
      <c r="EA3" s="292"/>
      <c r="EB3" s="292"/>
      <c r="EC3" s="292"/>
      <c r="ED3" s="292"/>
      <c r="EE3" s="292"/>
      <c r="EF3" s="292"/>
      <c r="EG3" s="292"/>
      <c r="EH3" s="292"/>
      <c r="EI3" s="292"/>
      <c r="EJ3" s="292"/>
      <c r="EK3" s="292"/>
      <c r="EL3" s="292"/>
      <c r="EM3" s="292"/>
      <c r="EN3" s="292"/>
      <c r="EO3" s="292"/>
      <c r="EP3" s="292"/>
      <c r="EQ3" s="292"/>
      <c r="ER3" s="292"/>
      <c r="ES3" s="292"/>
      <c r="ET3" s="292"/>
      <c r="EU3" s="292"/>
      <c r="EV3" s="292"/>
      <c r="EW3" s="292"/>
      <c r="EX3" s="292"/>
      <c r="EY3" s="292"/>
      <c r="EZ3" s="292"/>
      <c r="FA3" s="292"/>
      <c r="FB3" s="292"/>
      <c r="FC3" s="292"/>
      <c r="FD3" s="292"/>
      <c r="FE3" s="292"/>
      <c r="FF3" s="292"/>
      <c r="FG3" s="292"/>
      <c r="FH3" s="292"/>
      <c r="FI3" s="292"/>
      <c r="FJ3" s="292"/>
      <c r="FK3" s="292"/>
      <c r="FL3" s="292"/>
      <c r="FM3" s="292"/>
      <c r="FN3" s="292"/>
      <c r="FO3" s="292"/>
      <c r="FP3" s="292"/>
      <c r="FQ3" s="293"/>
      <c r="FR3" s="286" t="s">
        <v>48</v>
      </c>
      <c r="FS3" s="287" t="s">
        <v>49</v>
      </c>
      <c r="FT3" s="288" t="s">
        <v>45</v>
      </c>
      <c r="FU3" s="291" t="s">
        <v>56</v>
      </c>
      <c r="FV3" s="292"/>
      <c r="FW3" s="292"/>
      <c r="FX3" s="292"/>
      <c r="FY3" s="292"/>
      <c r="FZ3" s="292"/>
      <c r="GA3" s="292"/>
      <c r="GB3" s="292"/>
      <c r="GC3" s="292"/>
      <c r="GD3" s="292"/>
      <c r="GE3" s="292"/>
      <c r="GF3" s="292"/>
      <c r="GG3" s="292"/>
      <c r="GH3" s="292"/>
      <c r="GI3" s="292"/>
      <c r="GJ3" s="286" t="s">
        <v>48</v>
      </c>
      <c r="GK3" s="287" t="s">
        <v>49</v>
      </c>
      <c r="GL3" s="288" t="s">
        <v>45</v>
      </c>
      <c r="GM3" s="296" t="s">
        <v>57</v>
      </c>
      <c r="GN3" s="297"/>
      <c r="GO3" s="297"/>
      <c r="GP3" s="297"/>
      <c r="GQ3" s="297"/>
      <c r="GR3" s="297"/>
      <c r="GS3" s="297"/>
      <c r="GT3" s="297"/>
      <c r="GU3" s="297"/>
      <c r="GV3" s="297"/>
      <c r="GW3" s="297"/>
      <c r="GX3" s="297"/>
      <c r="GY3" s="297"/>
      <c r="GZ3" s="297"/>
      <c r="HA3" s="297"/>
      <c r="HB3" s="297"/>
      <c r="HC3" s="297"/>
      <c r="HD3" s="297"/>
      <c r="HE3" s="297"/>
      <c r="HF3" s="297"/>
      <c r="HG3" s="297"/>
      <c r="HH3" s="297"/>
      <c r="HI3" s="297"/>
      <c r="HJ3" s="297"/>
      <c r="HK3" s="297"/>
      <c r="HL3" s="297"/>
      <c r="HM3" s="297"/>
      <c r="HN3" s="297"/>
      <c r="HO3" s="297"/>
      <c r="HP3" s="297"/>
      <c r="HQ3" s="297"/>
      <c r="HR3" s="298"/>
      <c r="HS3" s="272" t="s">
        <v>72</v>
      </c>
      <c r="HT3" s="253" t="s">
        <v>73</v>
      </c>
      <c r="HU3" s="226" t="s">
        <v>74</v>
      </c>
      <c r="HV3" s="202"/>
      <c r="HW3" s="207"/>
      <c r="HX3" s="269"/>
      <c r="HY3" s="261" t="s">
        <v>41</v>
      </c>
      <c r="HZ3" s="262"/>
      <c r="IA3" s="262"/>
      <c r="IB3" s="262"/>
      <c r="IC3" s="262"/>
      <c r="ID3" s="262"/>
      <c r="IE3" s="262"/>
      <c r="IF3" s="262"/>
      <c r="IG3" s="262"/>
      <c r="IH3" s="262"/>
      <c r="II3" s="262"/>
      <c r="IJ3" s="262"/>
      <c r="IK3" s="262"/>
      <c r="IL3" s="262"/>
      <c r="IM3" s="262"/>
      <c r="IN3" s="262"/>
      <c r="IO3" s="262"/>
      <c r="IP3" s="262"/>
      <c r="IQ3" s="262"/>
      <c r="IR3" s="262"/>
      <c r="IS3" s="262"/>
      <c r="IT3" s="262"/>
      <c r="IU3" s="262"/>
      <c r="IV3" s="263"/>
      <c r="IW3" s="218" t="s">
        <v>48</v>
      </c>
      <c r="IX3" s="219" t="s">
        <v>45</v>
      </c>
      <c r="IY3" s="215" t="s">
        <v>42</v>
      </c>
      <c r="IZ3" s="216"/>
      <c r="JA3" s="216"/>
      <c r="JB3" s="216"/>
      <c r="JC3" s="216"/>
      <c r="JD3" s="216"/>
      <c r="JE3" s="216"/>
      <c r="JF3" s="216"/>
      <c r="JG3" s="216"/>
      <c r="JH3" s="216"/>
      <c r="JI3" s="216"/>
      <c r="JJ3" s="216"/>
      <c r="JK3" s="216"/>
      <c r="JL3" s="216"/>
      <c r="JM3" s="216"/>
      <c r="JN3" s="216"/>
      <c r="JO3" s="216"/>
      <c r="JP3" s="216"/>
      <c r="JQ3" s="216"/>
      <c r="JR3" s="216"/>
      <c r="JS3" s="216"/>
      <c r="JT3" s="216"/>
      <c r="JU3" s="217"/>
      <c r="JV3" s="218" t="s">
        <v>48</v>
      </c>
      <c r="JW3" s="240" t="s">
        <v>49</v>
      </c>
      <c r="JX3" s="241" t="s">
        <v>45</v>
      </c>
      <c r="JY3" s="202"/>
      <c r="JZ3" s="207"/>
      <c r="KA3" s="236"/>
      <c r="KB3" s="183"/>
      <c r="KC3" s="186"/>
      <c r="KD3" s="189"/>
    </row>
    <row r="4" spans="1:290" s="95" customFormat="1" ht="13.5" customHeight="1" x14ac:dyDescent="0.15">
      <c r="A4" s="94"/>
      <c r="B4" s="316"/>
      <c r="C4" s="212" t="s">
        <v>2</v>
      </c>
      <c r="D4" s="213"/>
      <c r="E4" s="213"/>
      <c r="F4" s="213"/>
      <c r="G4" s="212" t="s">
        <v>3</v>
      </c>
      <c r="H4" s="213"/>
      <c r="I4" s="213"/>
      <c r="J4" s="214"/>
      <c r="K4" s="213" t="s">
        <v>58</v>
      </c>
      <c r="L4" s="213"/>
      <c r="M4" s="213"/>
      <c r="N4" s="214"/>
      <c r="O4" s="212" t="s">
        <v>5</v>
      </c>
      <c r="P4" s="213"/>
      <c r="Q4" s="213"/>
      <c r="R4" s="213"/>
      <c r="S4" s="212" t="s">
        <v>6</v>
      </c>
      <c r="T4" s="213"/>
      <c r="U4" s="213"/>
      <c r="V4" s="213"/>
      <c r="W4" s="212" t="s">
        <v>7</v>
      </c>
      <c r="X4" s="213"/>
      <c r="Y4" s="213"/>
      <c r="Z4" s="213"/>
      <c r="AA4" s="212" t="s">
        <v>59</v>
      </c>
      <c r="AB4" s="213"/>
      <c r="AC4" s="213"/>
      <c r="AD4" s="213"/>
      <c r="AE4" s="334"/>
      <c r="AF4" s="322"/>
      <c r="AG4" s="331"/>
      <c r="AH4" s="264" t="s">
        <v>2</v>
      </c>
      <c r="AI4" s="213"/>
      <c r="AJ4" s="213"/>
      <c r="AK4" s="214"/>
      <c r="AL4" s="212" t="s">
        <v>3</v>
      </c>
      <c r="AM4" s="213"/>
      <c r="AN4" s="213"/>
      <c r="AO4" s="213"/>
      <c r="AP4" s="212" t="s">
        <v>4</v>
      </c>
      <c r="AQ4" s="213"/>
      <c r="AR4" s="213"/>
      <c r="AS4" s="213"/>
      <c r="AT4" s="212" t="s">
        <v>5</v>
      </c>
      <c r="AU4" s="213"/>
      <c r="AV4" s="213"/>
      <c r="AW4" s="213"/>
      <c r="AX4" s="212" t="s">
        <v>6</v>
      </c>
      <c r="AY4" s="213"/>
      <c r="AZ4" s="213"/>
      <c r="BA4" s="230"/>
      <c r="BB4" s="202"/>
      <c r="BC4" s="220"/>
      <c r="BD4" s="87" t="s">
        <v>2</v>
      </c>
      <c r="BE4" s="212" t="s">
        <v>3</v>
      </c>
      <c r="BF4" s="213"/>
      <c r="BG4" s="212" t="s">
        <v>4</v>
      </c>
      <c r="BH4" s="213"/>
      <c r="BI4" s="303" t="s">
        <v>5</v>
      </c>
      <c r="BJ4" s="265"/>
      <c r="BK4" s="265"/>
      <c r="BL4" s="304"/>
      <c r="BM4" s="212" t="s">
        <v>6</v>
      </c>
      <c r="BN4" s="213"/>
      <c r="BO4" s="213"/>
      <c r="BP4" s="214"/>
      <c r="BQ4" s="212" t="s">
        <v>7</v>
      </c>
      <c r="BR4" s="213"/>
      <c r="BS4" s="213"/>
      <c r="BT4" s="214"/>
      <c r="BU4" s="212" t="s">
        <v>8</v>
      </c>
      <c r="BV4" s="213"/>
      <c r="BW4" s="213"/>
      <c r="BX4" s="230"/>
      <c r="BY4" s="202"/>
      <c r="BZ4" s="207"/>
      <c r="CA4" s="220"/>
      <c r="CB4" s="213" t="s">
        <v>2</v>
      </c>
      <c r="CC4" s="213"/>
      <c r="CD4" s="213"/>
      <c r="CE4" s="213"/>
      <c r="CF4" s="214"/>
      <c r="CG4" s="212" t="s">
        <v>3</v>
      </c>
      <c r="CH4" s="213"/>
      <c r="CI4" s="213"/>
      <c r="CJ4" s="214"/>
      <c r="CK4" s="212" t="s">
        <v>4</v>
      </c>
      <c r="CL4" s="213"/>
      <c r="CM4" s="213"/>
      <c r="CN4" s="214"/>
      <c r="CO4" s="212" t="s">
        <v>5</v>
      </c>
      <c r="CP4" s="213"/>
      <c r="CQ4" s="213"/>
      <c r="CR4" s="214"/>
      <c r="CS4" s="212" t="s">
        <v>6</v>
      </c>
      <c r="CT4" s="213"/>
      <c r="CU4" s="230"/>
      <c r="CV4" s="202"/>
      <c r="CW4" s="207"/>
      <c r="CX4" s="220"/>
      <c r="CY4" s="264" t="s">
        <v>2</v>
      </c>
      <c r="CZ4" s="306"/>
      <c r="DA4" s="306"/>
      <c r="DB4" s="307"/>
      <c r="DC4" s="212" t="s">
        <v>3</v>
      </c>
      <c r="DD4" s="213"/>
      <c r="DE4" s="213"/>
      <c r="DF4" s="214"/>
      <c r="DG4" s="212" t="s">
        <v>4</v>
      </c>
      <c r="DH4" s="213"/>
      <c r="DI4" s="213"/>
      <c r="DJ4" s="214"/>
      <c r="DK4" s="212" t="s">
        <v>5</v>
      </c>
      <c r="DL4" s="213"/>
      <c r="DM4" s="213"/>
      <c r="DN4" s="214"/>
      <c r="DO4" s="212" t="s">
        <v>6</v>
      </c>
      <c r="DP4" s="213"/>
      <c r="DQ4" s="213"/>
      <c r="DR4" s="305"/>
      <c r="DS4" s="202"/>
      <c r="DT4" s="207"/>
      <c r="DU4" s="220"/>
      <c r="DV4" s="213" t="s">
        <v>2</v>
      </c>
      <c r="DW4" s="213"/>
      <c r="DX4" s="213"/>
      <c r="DY4" s="214"/>
      <c r="DZ4" s="212" t="s">
        <v>3</v>
      </c>
      <c r="EA4" s="213"/>
      <c r="EB4" s="213"/>
      <c r="EC4" s="214"/>
      <c r="ED4" s="303" t="s">
        <v>4</v>
      </c>
      <c r="EE4" s="265"/>
      <c r="EF4" s="265"/>
      <c r="EG4" s="304"/>
      <c r="EH4" s="212" t="s">
        <v>5</v>
      </c>
      <c r="EI4" s="213"/>
      <c r="EJ4" s="213"/>
      <c r="EK4" s="214"/>
      <c r="EL4" s="212" t="s">
        <v>6</v>
      </c>
      <c r="EM4" s="213"/>
      <c r="EN4" s="213"/>
      <c r="EO4" s="214"/>
      <c r="EP4" s="212" t="s">
        <v>7</v>
      </c>
      <c r="EQ4" s="213"/>
      <c r="ER4" s="213"/>
      <c r="ES4" s="214"/>
      <c r="ET4" s="212" t="s">
        <v>8</v>
      </c>
      <c r="EU4" s="213"/>
      <c r="EV4" s="213"/>
      <c r="EW4" s="214"/>
      <c r="EX4" s="212" t="s">
        <v>9</v>
      </c>
      <c r="EY4" s="213"/>
      <c r="EZ4" s="213"/>
      <c r="FA4" s="214"/>
      <c r="FB4" s="212" t="s">
        <v>34</v>
      </c>
      <c r="FC4" s="213"/>
      <c r="FD4" s="213"/>
      <c r="FE4" s="214"/>
      <c r="FF4" s="212" t="s">
        <v>29</v>
      </c>
      <c r="FG4" s="213"/>
      <c r="FH4" s="213"/>
      <c r="FI4" s="214"/>
      <c r="FJ4" s="212" t="s">
        <v>30</v>
      </c>
      <c r="FK4" s="213"/>
      <c r="FL4" s="213"/>
      <c r="FM4" s="214"/>
      <c r="FN4" s="212" t="s">
        <v>31</v>
      </c>
      <c r="FO4" s="213"/>
      <c r="FP4" s="213"/>
      <c r="FQ4" s="230"/>
      <c r="FR4" s="202"/>
      <c r="FS4" s="207"/>
      <c r="FT4" s="220"/>
      <c r="FU4" s="88" t="s">
        <v>2</v>
      </c>
      <c r="FV4" s="212" t="s">
        <v>3</v>
      </c>
      <c r="FW4" s="213"/>
      <c r="FX4" s="213"/>
      <c r="FY4" s="214"/>
      <c r="FZ4" s="212" t="s">
        <v>4</v>
      </c>
      <c r="GA4" s="214"/>
      <c r="GB4" s="212" t="s">
        <v>5</v>
      </c>
      <c r="GC4" s="213"/>
      <c r="GD4" s="213"/>
      <c r="GE4" s="214"/>
      <c r="GF4" s="212" t="s">
        <v>6</v>
      </c>
      <c r="GG4" s="213"/>
      <c r="GH4" s="213"/>
      <c r="GI4" s="213"/>
      <c r="GJ4" s="202"/>
      <c r="GK4" s="207"/>
      <c r="GL4" s="220"/>
      <c r="GM4" s="302" t="s">
        <v>2</v>
      </c>
      <c r="GN4" s="265"/>
      <c r="GO4" s="265"/>
      <c r="GP4" s="265"/>
      <c r="GQ4" s="266"/>
      <c r="GR4" s="266"/>
      <c r="GS4" s="266"/>
      <c r="GT4" s="267"/>
      <c r="GU4" s="279" t="s">
        <v>65</v>
      </c>
      <c r="GV4" s="266"/>
      <c r="GW4" s="266"/>
      <c r="GX4" s="267"/>
      <c r="GY4" s="265" t="s">
        <v>4</v>
      </c>
      <c r="GZ4" s="265"/>
      <c r="HA4" s="265"/>
      <c r="HB4" s="265"/>
      <c r="HC4" s="266"/>
      <c r="HD4" s="266"/>
      <c r="HE4" s="266"/>
      <c r="HF4" s="267"/>
      <c r="HG4" s="279" t="s">
        <v>71</v>
      </c>
      <c r="HH4" s="266"/>
      <c r="HI4" s="266"/>
      <c r="HJ4" s="267"/>
      <c r="HK4" s="265" t="s">
        <v>6</v>
      </c>
      <c r="HL4" s="265"/>
      <c r="HM4" s="265"/>
      <c r="HN4" s="265"/>
      <c r="HO4" s="266"/>
      <c r="HP4" s="266"/>
      <c r="HQ4" s="266"/>
      <c r="HR4" s="267"/>
      <c r="HS4" s="273"/>
      <c r="HT4" s="275"/>
      <c r="HU4" s="227"/>
      <c r="HV4" s="202"/>
      <c r="HW4" s="207"/>
      <c r="HX4" s="269"/>
      <c r="HY4" s="264" t="s">
        <v>2</v>
      </c>
      <c r="HZ4" s="213"/>
      <c r="IA4" s="214"/>
      <c r="IB4" s="224" t="s">
        <v>3</v>
      </c>
      <c r="IC4" s="225"/>
      <c r="ID4" s="225"/>
      <c r="IE4" s="225"/>
      <c r="IF4" s="224" t="s">
        <v>4</v>
      </c>
      <c r="IG4" s="225"/>
      <c r="IH4" s="225"/>
      <c r="II4" s="225"/>
      <c r="IJ4" s="212" t="s">
        <v>5</v>
      </c>
      <c r="IK4" s="213"/>
      <c r="IL4" s="213"/>
      <c r="IM4" s="212" t="s">
        <v>6</v>
      </c>
      <c r="IN4" s="213"/>
      <c r="IO4" s="213"/>
      <c r="IP4" s="230"/>
      <c r="IQ4" s="212" t="s">
        <v>7</v>
      </c>
      <c r="IR4" s="213"/>
      <c r="IS4" s="213"/>
      <c r="IT4" s="230"/>
      <c r="IU4" s="212" t="s">
        <v>8</v>
      </c>
      <c r="IV4" s="230"/>
      <c r="IW4" s="202"/>
      <c r="IX4" s="220"/>
      <c r="IY4" s="213" t="s">
        <v>2</v>
      </c>
      <c r="IZ4" s="213"/>
      <c r="JA4" s="213"/>
      <c r="JB4" s="214"/>
      <c r="JC4" s="212" t="s">
        <v>3</v>
      </c>
      <c r="JD4" s="213"/>
      <c r="JE4" s="213"/>
      <c r="JF4" s="214"/>
      <c r="JG4" s="212" t="s">
        <v>4</v>
      </c>
      <c r="JH4" s="213"/>
      <c r="JI4" s="213"/>
      <c r="JJ4" s="214"/>
      <c r="JK4" s="212" t="s">
        <v>5</v>
      </c>
      <c r="JL4" s="213"/>
      <c r="JM4" s="213"/>
      <c r="JN4" s="213"/>
      <c r="JO4" s="213"/>
      <c r="JP4" s="213"/>
      <c r="JQ4" s="213"/>
      <c r="JR4" s="213"/>
      <c r="JS4" s="213"/>
      <c r="JT4" s="213"/>
      <c r="JU4" s="214"/>
      <c r="JV4" s="202"/>
      <c r="JW4" s="207"/>
      <c r="JX4" s="242"/>
      <c r="JY4" s="202"/>
      <c r="JZ4" s="207"/>
      <c r="KA4" s="236"/>
      <c r="KB4" s="183"/>
      <c r="KC4" s="186"/>
      <c r="KD4" s="189"/>
    </row>
    <row r="5" spans="1:290" s="95" customFormat="1" ht="29.25" customHeight="1" x14ac:dyDescent="0.15">
      <c r="A5" s="94"/>
      <c r="B5" s="316"/>
      <c r="C5" s="1" t="s">
        <v>10</v>
      </c>
      <c r="D5" s="2" t="s">
        <v>11</v>
      </c>
      <c r="E5" s="2" t="s">
        <v>12</v>
      </c>
      <c r="F5" s="3" t="s">
        <v>13</v>
      </c>
      <c r="G5" s="1" t="s">
        <v>10</v>
      </c>
      <c r="H5" s="2" t="s">
        <v>11</v>
      </c>
      <c r="I5" s="2" t="s">
        <v>12</v>
      </c>
      <c r="J5" s="5" t="s">
        <v>13</v>
      </c>
      <c r="K5" s="1" t="s">
        <v>60</v>
      </c>
      <c r="L5" s="2" t="s">
        <v>61</v>
      </c>
      <c r="M5" s="2" t="s">
        <v>62</v>
      </c>
      <c r="N5" s="104" t="s">
        <v>63</v>
      </c>
      <c r="O5" s="1" t="s">
        <v>10</v>
      </c>
      <c r="P5" s="2" t="s">
        <v>11</v>
      </c>
      <c r="Q5" s="2" t="s">
        <v>12</v>
      </c>
      <c r="R5" s="3" t="s">
        <v>13</v>
      </c>
      <c r="S5" s="1" t="s">
        <v>10</v>
      </c>
      <c r="T5" s="2" t="s">
        <v>11</v>
      </c>
      <c r="U5" s="2" t="s">
        <v>12</v>
      </c>
      <c r="V5" s="3" t="s">
        <v>13</v>
      </c>
      <c r="W5" s="1" t="s">
        <v>10</v>
      </c>
      <c r="X5" s="2" t="s">
        <v>11</v>
      </c>
      <c r="Y5" s="2" t="s">
        <v>12</v>
      </c>
      <c r="Z5" s="3" t="s">
        <v>13</v>
      </c>
      <c r="AA5" s="1" t="s">
        <v>10</v>
      </c>
      <c r="AB5" s="2" t="s">
        <v>11</v>
      </c>
      <c r="AC5" s="2" t="s">
        <v>12</v>
      </c>
      <c r="AD5" s="3" t="s">
        <v>13</v>
      </c>
      <c r="AE5" s="334"/>
      <c r="AF5" s="322"/>
      <c r="AG5" s="331"/>
      <c r="AH5" s="4" t="s">
        <v>10</v>
      </c>
      <c r="AI5" s="2" t="s">
        <v>11</v>
      </c>
      <c r="AJ5" s="2" t="s">
        <v>12</v>
      </c>
      <c r="AK5" s="5" t="s">
        <v>13</v>
      </c>
      <c r="AL5" s="1" t="s">
        <v>10</v>
      </c>
      <c r="AM5" s="2" t="s">
        <v>11</v>
      </c>
      <c r="AN5" s="2" t="s">
        <v>12</v>
      </c>
      <c r="AO5" s="3" t="s">
        <v>13</v>
      </c>
      <c r="AP5" s="1" t="s">
        <v>10</v>
      </c>
      <c r="AQ5" s="2" t="s">
        <v>11</v>
      </c>
      <c r="AR5" s="2" t="s">
        <v>12</v>
      </c>
      <c r="AS5" s="3" t="s">
        <v>13</v>
      </c>
      <c r="AT5" s="1" t="s">
        <v>10</v>
      </c>
      <c r="AU5" s="2" t="s">
        <v>11</v>
      </c>
      <c r="AV5" s="2" t="s">
        <v>12</v>
      </c>
      <c r="AW5" s="3" t="s">
        <v>13</v>
      </c>
      <c r="AX5" s="1" t="s">
        <v>10</v>
      </c>
      <c r="AY5" s="2" t="s">
        <v>11</v>
      </c>
      <c r="AZ5" s="2" t="s">
        <v>12</v>
      </c>
      <c r="BA5" s="6" t="s">
        <v>13</v>
      </c>
      <c r="BB5" s="202"/>
      <c r="BC5" s="220"/>
      <c r="BD5" s="7"/>
      <c r="BE5" s="1" t="s">
        <v>10</v>
      </c>
      <c r="BF5" s="2" t="s">
        <v>11</v>
      </c>
      <c r="BG5" s="1" t="s">
        <v>10</v>
      </c>
      <c r="BH5" s="2" t="s">
        <v>11</v>
      </c>
      <c r="BI5" s="78" t="s">
        <v>10</v>
      </c>
      <c r="BJ5" s="79" t="s">
        <v>11</v>
      </c>
      <c r="BK5" s="79" t="s">
        <v>12</v>
      </c>
      <c r="BL5" s="80" t="s">
        <v>13</v>
      </c>
      <c r="BM5" s="1" t="s">
        <v>10</v>
      </c>
      <c r="BN5" s="2" t="s">
        <v>11</v>
      </c>
      <c r="BO5" s="2" t="s">
        <v>12</v>
      </c>
      <c r="BP5" s="5" t="s">
        <v>13</v>
      </c>
      <c r="BQ5" s="1" t="s">
        <v>10</v>
      </c>
      <c r="BR5" s="2" t="s">
        <v>11</v>
      </c>
      <c r="BS5" s="2" t="s">
        <v>12</v>
      </c>
      <c r="BT5" s="5" t="s">
        <v>13</v>
      </c>
      <c r="BU5" s="1" t="s">
        <v>10</v>
      </c>
      <c r="BV5" s="2" t="s">
        <v>11</v>
      </c>
      <c r="BW5" s="2" t="s">
        <v>12</v>
      </c>
      <c r="BX5" s="6" t="s">
        <v>13</v>
      </c>
      <c r="BY5" s="202"/>
      <c r="BZ5" s="207"/>
      <c r="CA5" s="220"/>
      <c r="CB5" s="7" t="s">
        <v>10</v>
      </c>
      <c r="CC5" s="2" t="s">
        <v>11</v>
      </c>
      <c r="CD5" s="2" t="s">
        <v>12</v>
      </c>
      <c r="CE5" s="2" t="s">
        <v>13</v>
      </c>
      <c r="CF5" s="5" t="s">
        <v>14</v>
      </c>
      <c r="CG5" s="1" t="s">
        <v>10</v>
      </c>
      <c r="CH5" s="2" t="s">
        <v>11</v>
      </c>
      <c r="CI5" s="2" t="s">
        <v>12</v>
      </c>
      <c r="CJ5" s="5" t="s">
        <v>13</v>
      </c>
      <c r="CK5" s="1" t="s">
        <v>10</v>
      </c>
      <c r="CL5" s="2" t="s">
        <v>11</v>
      </c>
      <c r="CM5" s="2" t="s">
        <v>12</v>
      </c>
      <c r="CN5" s="5" t="s">
        <v>13</v>
      </c>
      <c r="CO5" s="1" t="s">
        <v>10</v>
      </c>
      <c r="CP5" s="2" t="s">
        <v>11</v>
      </c>
      <c r="CQ5" s="2" t="s">
        <v>12</v>
      </c>
      <c r="CR5" s="5" t="s">
        <v>13</v>
      </c>
      <c r="CS5" s="1" t="s">
        <v>10</v>
      </c>
      <c r="CT5" s="2" t="s">
        <v>11</v>
      </c>
      <c r="CU5" s="6" t="s">
        <v>12</v>
      </c>
      <c r="CV5" s="202"/>
      <c r="CW5" s="207"/>
      <c r="CX5" s="220"/>
      <c r="CY5" s="4" t="s">
        <v>10</v>
      </c>
      <c r="CZ5" s="2" t="s">
        <v>11</v>
      </c>
      <c r="DA5" s="2" t="s">
        <v>12</v>
      </c>
      <c r="DB5" s="3" t="s">
        <v>13</v>
      </c>
      <c r="DC5" s="1" t="s">
        <v>10</v>
      </c>
      <c r="DD5" s="2" t="s">
        <v>11</v>
      </c>
      <c r="DE5" s="2" t="s">
        <v>12</v>
      </c>
      <c r="DF5" s="5" t="s">
        <v>13</v>
      </c>
      <c r="DG5" s="1" t="s">
        <v>10</v>
      </c>
      <c r="DH5" s="2" t="s">
        <v>11</v>
      </c>
      <c r="DI5" s="2" t="s">
        <v>12</v>
      </c>
      <c r="DJ5" s="5" t="s">
        <v>13</v>
      </c>
      <c r="DK5" s="1" t="s">
        <v>10</v>
      </c>
      <c r="DL5" s="2" t="s">
        <v>11</v>
      </c>
      <c r="DM5" s="2" t="s">
        <v>12</v>
      </c>
      <c r="DN5" s="5" t="s">
        <v>13</v>
      </c>
      <c r="DO5" s="1" t="s">
        <v>10</v>
      </c>
      <c r="DP5" s="2" t="s">
        <v>11</v>
      </c>
      <c r="DQ5" s="2" t="s">
        <v>12</v>
      </c>
      <c r="DR5" s="25" t="s">
        <v>13</v>
      </c>
      <c r="DS5" s="202"/>
      <c r="DT5" s="207"/>
      <c r="DU5" s="220"/>
      <c r="DV5" s="7" t="s">
        <v>10</v>
      </c>
      <c r="DW5" s="2" t="s">
        <v>11</v>
      </c>
      <c r="DX5" s="2" t="s">
        <v>12</v>
      </c>
      <c r="DY5" s="5" t="s">
        <v>13</v>
      </c>
      <c r="DZ5" s="1" t="s">
        <v>10</v>
      </c>
      <c r="EA5" s="2" t="s">
        <v>11</v>
      </c>
      <c r="EB5" s="2" t="s">
        <v>12</v>
      </c>
      <c r="EC5" s="5" t="s">
        <v>13</v>
      </c>
      <c r="ED5" s="78" t="s">
        <v>10</v>
      </c>
      <c r="EE5" s="79" t="s">
        <v>11</v>
      </c>
      <c r="EF5" s="79" t="s">
        <v>12</v>
      </c>
      <c r="EG5" s="80" t="s">
        <v>13</v>
      </c>
      <c r="EH5" s="1" t="s">
        <v>10</v>
      </c>
      <c r="EI5" s="2" t="s">
        <v>11</v>
      </c>
      <c r="EJ5" s="2" t="s">
        <v>12</v>
      </c>
      <c r="EK5" s="5" t="s">
        <v>13</v>
      </c>
      <c r="EL5" s="1" t="s">
        <v>10</v>
      </c>
      <c r="EM5" s="2" t="s">
        <v>11</v>
      </c>
      <c r="EN5" s="2" t="s">
        <v>12</v>
      </c>
      <c r="EO5" s="5" t="s">
        <v>13</v>
      </c>
      <c r="EP5" s="1" t="s">
        <v>10</v>
      </c>
      <c r="EQ5" s="2" t="s">
        <v>11</v>
      </c>
      <c r="ER5" s="2" t="s">
        <v>12</v>
      </c>
      <c r="ES5" s="5" t="s">
        <v>13</v>
      </c>
      <c r="ET5" s="1" t="s">
        <v>10</v>
      </c>
      <c r="EU5" s="2" t="s">
        <v>11</v>
      </c>
      <c r="EV5" s="2" t="s">
        <v>12</v>
      </c>
      <c r="EW5" s="5" t="s">
        <v>13</v>
      </c>
      <c r="EX5" s="1" t="s">
        <v>10</v>
      </c>
      <c r="EY5" s="2" t="s">
        <v>11</v>
      </c>
      <c r="EZ5" s="2" t="s">
        <v>12</v>
      </c>
      <c r="FA5" s="80" t="s">
        <v>13</v>
      </c>
      <c r="FB5" s="1" t="s">
        <v>10</v>
      </c>
      <c r="FC5" s="2" t="s">
        <v>11</v>
      </c>
      <c r="FD5" s="2" t="s">
        <v>12</v>
      </c>
      <c r="FE5" s="5" t="s">
        <v>13</v>
      </c>
      <c r="FF5" s="1" t="s">
        <v>10</v>
      </c>
      <c r="FG5" s="2" t="s">
        <v>11</v>
      </c>
      <c r="FH5" s="2" t="s">
        <v>12</v>
      </c>
      <c r="FI5" s="5" t="s">
        <v>13</v>
      </c>
      <c r="FJ5" s="1" t="s">
        <v>10</v>
      </c>
      <c r="FK5" s="2" t="s">
        <v>11</v>
      </c>
      <c r="FL5" s="2" t="s">
        <v>12</v>
      </c>
      <c r="FM5" s="5" t="s">
        <v>13</v>
      </c>
      <c r="FN5" s="1" t="s">
        <v>10</v>
      </c>
      <c r="FO5" s="79" t="s">
        <v>11</v>
      </c>
      <c r="FP5" s="2" t="s">
        <v>12</v>
      </c>
      <c r="FQ5" s="86" t="s">
        <v>13</v>
      </c>
      <c r="FR5" s="202"/>
      <c r="FS5" s="207"/>
      <c r="FT5" s="220"/>
      <c r="FU5" s="85"/>
      <c r="FV5" s="1" t="s">
        <v>10</v>
      </c>
      <c r="FW5" s="2" t="s">
        <v>11</v>
      </c>
      <c r="FX5" s="2" t="s">
        <v>12</v>
      </c>
      <c r="FY5" s="5" t="s">
        <v>13</v>
      </c>
      <c r="FZ5" s="1" t="s">
        <v>10</v>
      </c>
      <c r="GA5" s="5" t="s">
        <v>11</v>
      </c>
      <c r="GB5" s="1" t="s">
        <v>10</v>
      </c>
      <c r="GC5" s="2" t="s">
        <v>11</v>
      </c>
      <c r="GD5" s="2" t="s">
        <v>12</v>
      </c>
      <c r="GE5" s="5" t="s">
        <v>13</v>
      </c>
      <c r="GF5" s="1" t="s">
        <v>10</v>
      </c>
      <c r="GG5" s="2" t="s">
        <v>11</v>
      </c>
      <c r="GH5" s="2" t="s">
        <v>12</v>
      </c>
      <c r="GI5" s="3" t="s">
        <v>13</v>
      </c>
      <c r="GJ5" s="202"/>
      <c r="GK5" s="207"/>
      <c r="GL5" s="220"/>
      <c r="GM5" s="299" t="s">
        <v>10</v>
      </c>
      <c r="GN5" s="249"/>
      <c r="GO5" s="249"/>
      <c r="GP5" s="300"/>
      <c r="GQ5" s="301" t="s">
        <v>11</v>
      </c>
      <c r="GR5" s="249"/>
      <c r="GS5" s="249"/>
      <c r="GT5" s="250"/>
      <c r="GU5" s="294" t="s">
        <v>66</v>
      </c>
      <c r="GV5" s="282" t="s">
        <v>67</v>
      </c>
      <c r="GW5" s="282" t="s">
        <v>68</v>
      </c>
      <c r="GX5" s="284" t="s">
        <v>69</v>
      </c>
      <c r="GY5" s="248" t="s">
        <v>10</v>
      </c>
      <c r="GZ5" s="249"/>
      <c r="HA5" s="249"/>
      <c r="HB5" s="300"/>
      <c r="HC5" s="301" t="s">
        <v>11</v>
      </c>
      <c r="HD5" s="249"/>
      <c r="HE5" s="249"/>
      <c r="HF5" s="250"/>
      <c r="HG5" s="280" t="s">
        <v>66</v>
      </c>
      <c r="HH5" s="282" t="s">
        <v>67</v>
      </c>
      <c r="HI5" s="282" t="s">
        <v>68</v>
      </c>
      <c r="HJ5" s="284" t="s">
        <v>69</v>
      </c>
      <c r="HK5" s="248" t="s">
        <v>10</v>
      </c>
      <c r="HL5" s="249"/>
      <c r="HM5" s="249"/>
      <c r="HN5" s="300"/>
      <c r="HO5" s="248" t="s">
        <v>11</v>
      </c>
      <c r="HP5" s="249"/>
      <c r="HQ5" s="249"/>
      <c r="HR5" s="250"/>
      <c r="HS5" s="273"/>
      <c r="HT5" s="275"/>
      <c r="HU5" s="227"/>
      <c r="HV5" s="202"/>
      <c r="HW5" s="207"/>
      <c r="HX5" s="269"/>
      <c r="HY5" s="4" t="s">
        <v>10</v>
      </c>
      <c r="HZ5" s="2" t="s">
        <v>11</v>
      </c>
      <c r="IA5" s="5" t="s">
        <v>12</v>
      </c>
      <c r="IB5" s="63" t="s">
        <v>10</v>
      </c>
      <c r="IC5" s="64" t="s">
        <v>11</v>
      </c>
      <c r="ID5" s="64" t="s">
        <v>12</v>
      </c>
      <c r="IE5" s="65" t="s">
        <v>13</v>
      </c>
      <c r="IF5" s="63" t="s">
        <v>10</v>
      </c>
      <c r="IG5" s="64" t="s">
        <v>11</v>
      </c>
      <c r="IH5" s="64" t="s">
        <v>12</v>
      </c>
      <c r="II5" s="65" t="s">
        <v>13</v>
      </c>
      <c r="IJ5" s="1" t="s">
        <v>10</v>
      </c>
      <c r="IK5" s="2" t="s">
        <v>11</v>
      </c>
      <c r="IL5" s="3" t="s">
        <v>12</v>
      </c>
      <c r="IM5" s="1" t="s">
        <v>10</v>
      </c>
      <c r="IN5" s="2" t="s">
        <v>11</v>
      </c>
      <c r="IO5" s="2" t="s">
        <v>12</v>
      </c>
      <c r="IP5" s="6" t="s">
        <v>13</v>
      </c>
      <c r="IQ5" s="1" t="s">
        <v>10</v>
      </c>
      <c r="IR5" s="2" t="s">
        <v>11</v>
      </c>
      <c r="IS5" s="2" t="s">
        <v>12</v>
      </c>
      <c r="IT5" s="6" t="s">
        <v>13</v>
      </c>
      <c r="IU5" s="1" t="s">
        <v>10</v>
      </c>
      <c r="IV5" s="6" t="s">
        <v>11</v>
      </c>
      <c r="IW5" s="202"/>
      <c r="IX5" s="220"/>
      <c r="IY5" s="7" t="s">
        <v>10</v>
      </c>
      <c r="IZ5" s="2" t="s">
        <v>11</v>
      </c>
      <c r="JA5" s="2" t="s">
        <v>12</v>
      </c>
      <c r="JB5" s="5" t="s">
        <v>13</v>
      </c>
      <c r="JC5" s="1" t="s">
        <v>10</v>
      </c>
      <c r="JD5" s="2" t="s">
        <v>11</v>
      </c>
      <c r="JE5" s="2" t="s">
        <v>12</v>
      </c>
      <c r="JF5" s="5" t="s">
        <v>13</v>
      </c>
      <c r="JG5" s="1" t="s">
        <v>10</v>
      </c>
      <c r="JH5" s="2" t="s">
        <v>11</v>
      </c>
      <c r="JI5" s="2" t="s">
        <v>12</v>
      </c>
      <c r="JJ5" s="5" t="s">
        <v>13</v>
      </c>
      <c r="JK5" s="1" t="s">
        <v>10</v>
      </c>
      <c r="JL5" s="2" t="s">
        <v>11</v>
      </c>
      <c r="JM5" s="2" t="s">
        <v>12</v>
      </c>
      <c r="JN5" s="2" t="s">
        <v>13</v>
      </c>
      <c r="JO5" s="7" t="s">
        <v>14</v>
      </c>
      <c r="JP5" s="2" t="s">
        <v>15</v>
      </c>
      <c r="JQ5" s="2" t="s">
        <v>16</v>
      </c>
      <c r="JR5" s="2" t="s">
        <v>17</v>
      </c>
      <c r="JS5" s="7" t="s">
        <v>18</v>
      </c>
      <c r="JT5" s="3" t="s">
        <v>19</v>
      </c>
      <c r="JU5" s="5" t="s">
        <v>75</v>
      </c>
      <c r="JV5" s="202"/>
      <c r="JW5" s="207"/>
      <c r="JX5" s="242"/>
      <c r="JY5" s="202"/>
      <c r="JZ5" s="207"/>
      <c r="KA5" s="236"/>
      <c r="KB5" s="183"/>
      <c r="KC5" s="186"/>
      <c r="KD5" s="189"/>
    </row>
    <row r="6" spans="1:290" s="95" customFormat="1" ht="29.25" customHeight="1" thickBot="1" x14ac:dyDescent="0.2">
      <c r="A6" s="94"/>
      <c r="B6" s="317"/>
      <c r="C6" s="27"/>
      <c r="D6" s="28"/>
      <c r="E6" s="28"/>
      <c r="F6" s="29"/>
      <c r="G6" s="27"/>
      <c r="H6" s="28"/>
      <c r="I6" s="28"/>
      <c r="J6" s="31"/>
      <c r="K6" s="108"/>
      <c r="L6" s="109"/>
      <c r="M6" s="109"/>
      <c r="N6" s="105"/>
      <c r="O6" s="27"/>
      <c r="P6" s="28"/>
      <c r="Q6" s="28"/>
      <c r="R6" s="29"/>
      <c r="S6" s="27"/>
      <c r="T6" s="28"/>
      <c r="U6" s="28"/>
      <c r="V6" s="29"/>
      <c r="W6" s="27"/>
      <c r="X6" s="28"/>
      <c r="Y6" s="28"/>
      <c r="Z6" s="29"/>
      <c r="AA6" s="27"/>
      <c r="AB6" s="28"/>
      <c r="AC6" s="28"/>
      <c r="AD6" s="29"/>
      <c r="AE6" s="335"/>
      <c r="AF6" s="323"/>
      <c r="AG6" s="332"/>
      <c r="AH6" s="30"/>
      <c r="AI6" s="28"/>
      <c r="AJ6" s="28"/>
      <c r="AK6" s="31"/>
      <c r="AL6" s="27"/>
      <c r="AM6" s="28"/>
      <c r="AN6" s="28"/>
      <c r="AO6" s="29"/>
      <c r="AP6" s="27"/>
      <c r="AQ6" s="28"/>
      <c r="AR6" s="28"/>
      <c r="AS6" s="29"/>
      <c r="AT6" s="27"/>
      <c r="AU6" s="28"/>
      <c r="AV6" s="28"/>
      <c r="AW6" s="29"/>
      <c r="AX6" s="27"/>
      <c r="AY6" s="28"/>
      <c r="AZ6" s="28"/>
      <c r="BA6" s="32"/>
      <c r="BB6" s="203"/>
      <c r="BC6" s="221"/>
      <c r="BD6" s="33"/>
      <c r="BE6" s="27"/>
      <c r="BF6" s="28"/>
      <c r="BG6" s="27"/>
      <c r="BH6" s="28"/>
      <c r="BI6" s="81"/>
      <c r="BJ6" s="44"/>
      <c r="BK6" s="44"/>
      <c r="BL6" s="47"/>
      <c r="BM6" s="27"/>
      <c r="BN6" s="28"/>
      <c r="BO6" s="28"/>
      <c r="BP6" s="31"/>
      <c r="BQ6" s="27"/>
      <c r="BR6" s="28"/>
      <c r="BS6" s="28"/>
      <c r="BT6" s="31"/>
      <c r="BU6" s="27"/>
      <c r="BV6" s="28"/>
      <c r="BW6" s="28"/>
      <c r="BX6" s="32"/>
      <c r="BY6" s="203"/>
      <c r="BZ6" s="208"/>
      <c r="CA6" s="221"/>
      <c r="CB6" s="33"/>
      <c r="CC6" s="28"/>
      <c r="CD6" s="28"/>
      <c r="CE6" s="28"/>
      <c r="CF6" s="31"/>
      <c r="CG6" s="27"/>
      <c r="CH6" s="28"/>
      <c r="CI6" s="28"/>
      <c r="CJ6" s="31"/>
      <c r="CK6" s="27"/>
      <c r="CL6" s="28"/>
      <c r="CM6" s="28"/>
      <c r="CN6" s="31"/>
      <c r="CO6" s="27"/>
      <c r="CP6" s="28"/>
      <c r="CQ6" s="28"/>
      <c r="CR6" s="31"/>
      <c r="CS6" s="27"/>
      <c r="CT6" s="28"/>
      <c r="CU6" s="32"/>
      <c r="CV6" s="203"/>
      <c r="CW6" s="208"/>
      <c r="CX6" s="221"/>
      <c r="CY6" s="30"/>
      <c r="CZ6" s="28"/>
      <c r="DA6" s="28"/>
      <c r="DB6" s="29"/>
      <c r="DC6" s="27"/>
      <c r="DD6" s="28"/>
      <c r="DE6" s="28"/>
      <c r="DF6" s="31"/>
      <c r="DG6" s="27"/>
      <c r="DH6" s="28"/>
      <c r="DI6" s="28"/>
      <c r="DJ6" s="31"/>
      <c r="DK6" s="27"/>
      <c r="DL6" s="28"/>
      <c r="DM6" s="28"/>
      <c r="DN6" s="31"/>
      <c r="DO6" s="27"/>
      <c r="DP6" s="28"/>
      <c r="DQ6" s="28"/>
      <c r="DR6" s="34"/>
      <c r="DS6" s="203"/>
      <c r="DT6" s="208"/>
      <c r="DU6" s="221"/>
      <c r="DV6" s="33"/>
      <c r="DW6" s="28"/>
      <c r="DX6" s="28"/>
      <c r="DY6" s="31"/>
      <c r="DZ6" s="27"/>
      <c r="EA6" s="28"/>
      <c r="EB6" s="28"/>
      <c r="EC6" s="31"/>
      <c r="ED6" s="81"/>
      <c r="EE6" s="44"/>
      <c r="EF6" s="44"/>
      <c r="EG6" s="47"/>
      <c r="EH6" s="27"/>
      <c r="EI6" s="28"/>
      <c r="EJ6" s="28"/>
      <c r="EK6" s="31"/>
      <c r="EL6" s="27"/>
      <c r="EM6" s="28"/>
      <c r="EN6" s="28"/>
      <c r="EO6" s="31"/>
      <c r="EP6" s="27"/>
      <c r="EQ6" s="28"/>
      <c r="ER6" s="28"/>
      <c r="ES6" s="31"/>
      <c r="ET6" s="27"/>
      <c r="EU6" s="28"/>
      <c r="EV6" s="28"/>
      <c r="EW6" s="31"/>
      <c r="EX6" s="27"/>
      <c r="EY6" s="28"/>
      <c r="EZ6" s="28"/>
      <c r="FA6" s="47"/>
      <c r="FB6" s="27"/>
      <c r="FC6" s="28"/>
      <c r="FD6" s="28"/>
      <c r="FE6" s="31"/>
      <c r="FF6" s="27"/>
      <c r="FG6" s="28"/>
      <c r="FH6" s="28"/>
      <c r="FI6" s="31"/>
      <c r="FJ6" s="27"/>
      <c r="FK6" s="28"/>
      <c r="FL6" s="28"/>
      <c r="FM6" s="31"/>
      <c r="FN6" s="27"/>
      <c r="FO6" s="44"/>
      <c r="FP6" s="28"/>
      <c r="FQ6" s="48"/>
      <c r="FR6" s="203"/>
      <c r="FS6" s="208"/>
      <c r="FT6" s="221"/>
      <c r="FU6" s="46"/>
      <c r="FV6" s="27"/>
      <c r="FW6" s="28"/>
      <c r="FX6" s="28"/>
      <c r="FY6" s="31"/>
      <c r="FZ6" s="27"/>
      <c r="GA6" s="31"/>
      <c r="GB6" s="27"/>
      <c r="GC6" s="28"/>
      <c r="GD6" s="28"/>
      <c r="GE6" s="31"/>
      <c r="GF6" s="27"/>
      <c r="GG6" s="28"/>
      <c r="GH6" s="28"/>
      <c r="GI6" s="29"/>
      <c r="GJ6" s="203"/>
      <c r="GK6" s="208"/>
      <c r="GL6" s="221"/>
      <c r="GM6" s="43" t="s">
        <v>35</v>
      </c>
      <c r="GN6" s="44" t="s">
        <v>36</v>
      </c>
      <c r="GO6" s="44" t="s">
        <v>37</v>
      </c>
      <c r="GP6" s="45" t="s">
        <v>38</v>
      </c>
      <c r="GQ6" s="46" t="s">
        <v>39</v>
      </c>
      <c r="GR6" s="44" t="s">
        <v>36</v>
      </c>
      <c r="GS6" s="44" t="s">
        <v>37</v>
      </c>
      <c r="GT6" s="47" t="s">
        <v>38</v>
      </c>
      <c r="GU6" s="295"/>
      <c r="GV6" s="283"/>
      <c r="GW6" s="283"/>
      <c r="GX6" s="285"/>
      <c r="GY6" s="46" t="s">
        <v>35</v>
      </c>
      <c r="GZ6" s="44" t="s">
        <v>36</v>
      </c>
      <c r="HA6" s="44" t="s">
        <v>37</v>
      </c>
      <c r="HB6" s="45" t="s">
        <v>38</v>
      </c>
      <c r="HC6" s="46" t="s">
        <v>39</v>
      </c>
      <c r="HD6" s="44" t="s">
        <v>36</v>
      </c>
      <c r="HE6" s="44" t="s">
        <v>37</v>
      </c>
      <c r="HF6" s="47" t="s">
        <v>38</v>
      </c>
      <c r="HG6" s="281"/>
      <c r="HH6" s="283"/>
      <c r="HI6" s="283"/>
      <c r="HJ6" s="285"/>
      <c r="HK6" s="46" t="s">
        <v>35</v>
      </c>
      <c r="HL6" s="44" t="s">
        <v>36</v>
      </c>
      <c r="HM6" s="44" t="s">
        <v>37</v>
      </c>
      <c r="HN6" s="45" t="s">
        <v>38</v>
      </c>
      <c r="HO6" s="46" t="s">
        <v>39</v>
      </c>
      <c r="HP6" s="44" t="s">
        <v>36</v>
      </c>
      <c r="HQ6" s="44" t="s">
        <v>37</v>
      </c>
      <c r="HR6" s="47" t="s">
        <v>38</v>
      </c>
      <c r="HS6" s="274"/>
      <c r="HT6" s="276"/>
      <c r="HU6" s="228"/>
      <c r="HV6" s="202"/>
      <c r="HW6" s="208"/>
      <c r="HX6" s="270"/>
      <c r="HY6" s="30"/>
      <c r="HZ6" s="28"/>
      <c r="IA6" s="31"/>
      <c r="IB6" s="66"/>
      <c r="IC6" s="67"/>
      <c r="ID6" s="67"/>
      <c r="IE6" s="68"/>
      <c r="IF6" s="66"/>
      <c r="IG6" s="67"/>
      <c r="IH6" s="67"/>
      <c r="II6" s="68"/>
      <c r="IJ6" s="27"/>
      <c r="IK6" s="28"/>
      <c r="IL6" s="29"/>
      <c r="IM6" s="27"/>
      <c r="IN6" s="28"/>
      <c r="IO6" s="28"/>
      <c r="IP6" s="32"/>
      <c r="IQ6" s="27"/>
      <c r="IR6" s="28"/>
      <c r="IS6" s="28"/>
      <c r="IT6" s="32"/>
      <c r="IU6" s="27"/>
      <c r="IV6" s="32"/>
      <c r="IW6" s="202"/>
      <c r="IX6" s="221"/>
      <c r="IY6" s="33"/>
      <c r="IZ6" s="28"/>
      <c r="JA6" s="28"/>
      <c r="JB6" s="31"/>
      <c r="JC6" s="27"/>
      <c r="JD6" s="28"/>
      <c r="JE6" s="28"/>
      <c r="JF6" s="31"/>
      <c r="JG6" s="27"/>
      <c r="JH6" s="28"/>
      <c r="JI6" s="28"/>
      <c r="JJ6" s="31"/>
      <c r="JK6" s="27"/>
      <c r="JL6" s="28"/>
      <c r="JM6" s="28"/>
      <c r="JN6" s="28"/>
      <c r="JO6" s="33"/>
      <c r="JP6" s="28"/>
      <c r="JQ6" s="28"/>
      <c r="JR6" s="28"/>
      <c r="JS6" s="33"/>
      <c r="JT6" s="28"/>
      <c r="JU6" s="115"/>
      <c r="JV6" s="202"/>
      <c r="JW6" s="207"/>
      <c r="JX6" s="242"/>
      <c r="JY6" s="203"/>
      <c r="JZ6" s="208"/>
      <c r="KA6" s="237"/>
      <c r="KB6" s="184"/>
      <c r="KC6" s="187"/>
      <c r="KD6" s="190"/>
    </row>
    <row r="7" spans="1:290" s="97" customFormat="1" ht="17.25" customHeight="1" thickTop="1" thickBot="1" x14ac:dyDescent="0.2">
      <c r="A7" s="96" t="s">
        <v>76</v>
      </c>
      <c r="B7" s="318"/>
      <c r="C7" s="35">
        <v>5</v>
      </c>
      <c r="D7" s="36">
        <v>5</v>
      </c>
      <c r="E7" s="36">
        <v>5</v>
      </c>
      <c r="F7" s="37">
        <v>5</v>
      </c>
      <c r="G7" s="35">
        <v>5</v>
      </c>
      <c r="H7" s="36">
        <v>5</v>
      </c>
      <c r="I7" s="36">
        <v>5</v>
      </c>
      <c r="J7" s="39">
        <v>5</v>
      </c>
      <c r="K7" s="35">
        <v>5</v>
      </c>
      <c r="L7" s="36">
        <v>5</v>
      </c>
      <c r="M7" s="36">
        <v>5</v>
      </c>
      <c r="N7" s="106">
        <v>5</v>
      </c>
      <c r="O7" s="35">
        <v>5</v>
      </c>
      <c r="P7" s="36">
        <v>5</v>
      </c>
      <c r="Q7" s="36">
        <v>5</v>
      </c>
      <c r="R7" s="37">
        <v>5</v>
      </c>
      <c r="S7" s="35">
        <v>5</v>
      </c>
      <c r="T7" s="36">
        <v>5</v>
      </c>
      <c r="U7" s="36">
        <v>5</v>
      </c>
      <c r="V7" s="37">
        <v>5</v>
      </c>
      <c r="W7" s="35">
        <v>5</v>
      </c>
      <c r="X7" s="36">
        <v>5</v>
      </c>
      <c r="Y7" s="36">
        <v>5</v>
      </c>
      <c r="Z7" s="37">
        <v>5</v>
      </c>
      <c r="AA7" s="118">
        <v>5</v>
      </c>
      <c r="AB7" s="119">
        <v>5</v>
      </c>
      <c r="AC7" s="36">
        <v>5</v>
      </c>
      <c r="AD7" s="37">
        <v>5</v>
      </c>
      <c r="AE7" s="324">
        <f>SUM(C7:AD7)-5</f>
        <v>135</v>
      </c>
      <c r="AF7" s="326">
        <f>SUM(C8:AD8)-5</f>
        <v>35</v>
      </c>
      <c r="AG7" s="328">
        <f>AE7+AF7</f>
        <v>170</v>
      </c>
      <c r="AH7" s="38">
        <v>5</v>
      </c>
      <c r="AI7" s="36">
        <v>5</v>
      </c>
      <c r="AJ7" s="36">
        <v>5</v>
      </c>
      <c r="AK7" s="39">
        <v>5</v>
      </c>
      <c r="AL7" s="35">
        <v>5</v>
      </c>
      <c r="AM7" s="36">
        <v>5</v>
      </c>
      <c r="AN7" s="36">
        <v>5</v>
      </c>
      <c r="AO7" s="37">
        <v>5</v>
      </c>
      <c r="AP7" s="35">
        <v>5</v>
      </c>
      <c r="AQ7" s="36">
        <v>5</v>
      </c>
      <c r="AR7" s="36">
        <v>5</v>
      </c>
      <c r="AS7" s="37">
        <v>5</v>
      </c>
      <c r="AT7" s="35">
        <v>5</v>
      </c>
      <c r="AU7" s="36">
        <v>5</v>
      </c>
      <c r="AV7" s="36">
        <v>5</v>
      </c>
      <c r="AW7" s="37">
        <v>5</v>
      </c>
      <c r="AX7" s="35">
        <v>5</v>
      </c>
      <c r="AY7" s="36">
        <v>5</v>
      </c>
      <c r="AZ7" s="36">
        <v>5</v>
      </c>
      <c r="BA7" s="40">
        <v>5</v>
      </c>
      <c r="BB7" s="243">
        <f>SUM(AH7:BA7)</f>
        <v>100</v>
      </c>
      <c r="BC7" s="308">
        <f>BB7</f>
        <v>100</v>
      </c>
      <c r="BD7" s="41">
        <v>5</v>
      </c>
      <c r="BE7" s="35">
        <v>5</v>
      </c>
      <c r="BF7" s="36">
        <v>5</v>
      </c>
      <c r="BG7" s="35">
        <v>5</v>
      </c>
      <c r="BH7" s="36">
        <v>5</v>
      </c>
      <c r="BI7" s="82">
        <v>5</v>
      </c>
      <c r="BJ7" s="49">
        <v>5</v>
      </c>
      <c r="BK7" s="49">
        <v>5</v>
      </c>
      <c r="BL7" s="51">
        <v>5</v>
      </c>
      <c r="BM7" s="35">
        <v>5</v>
      </c>
      <c r="BN7" s="36">
        <v>5</v>
      </c>
      <c r="BO7" s="36">
        <v>5</v>
      </c>
      <c r="BP7" s="39">
        <v>5</v>
      </c>
      <c r="BQ7" s="35">
        <v>5</v>
      </c>
      <c r="BR7" s="36">
        <v>5</v>
      </c>
      <c r="BS7" s="36">
        <v>5</v>
      </c>
      <c r="BT7" s="39">
        <v>5</v>
      </c>
      <c r="BU7" s="35">
        <v>5</v>
      </c>
      <c r="BV7" s="36">
        <v>5</v>
      </c>
      <c r="BW7" s="36">
        <v>5</v>
      </c>
      <c r="BX7" s="40">
        <v>5</v>
      </c>
      <c r="BY7" s="243">
        <f>SUM(BD7:BX7)</f>
        <v>105</v>
      </c>
      <c r="BZ7" s="244">
        <f>SUM(BD8:BX8)</f>
        <v>60</v>
      </c>
      <c r="CA7" s="245">
        <f>BY7+BZ7</f>
        <v>165</v>
      </c>
      <c r="CB7" s="41">
        <v>5</v>
      </c>
      <c r="CC7" s="36">
        <v>5</v>
      </c>
      <c r="CD7" s="36">
        <v>5</v>
      </c>
      <c r="CE7" s="36">
        <v>5</v>
      </c>
      <c r="CF7" s="39">
        <v>5</v>
      </c>
      <c r="CG7" s="35">
        <v>5</v>
      </c>
      <c r="CH7" s="36">
        <v>5</v>
      </c>
      <c r="CI7" s="36">
        <v>5</v>
      </c>
      <c r="CJ7" s="39">
        <v>5</v>
      </c>
      <c r="CK7" s="35">
        <v>5</v>
      </c>
      <c r="CL7" s="36">
        <v>5</v>
      </c>
      <c r="CM7" s="36">
        <v>5</v>
      </c>
      <c r="CN7" s="39">
        <v>5</v>
      </c>
      <c r="CO7" s="35">
        <v>5</v>
      </c>
      <c r="CP7" s="36">
        <v>5</v>
      </c>
      <c r="CQ7" s="36">
        <v>5</v>
      </c>
      <c r="CR7" s="39">
        <v>5</v>
      </c>
      <c r="CS7" s="35">
        <v>5</v>
      </c>
      <c r="CT7" s="36">
        <v>5</v>
      </c>
      <c r="CU7" s="40">
        <v>5</v>
      </c>
      <c r="CV7" s="243">
        <f>SUM(CB7:CU7)</f>
        <v>100</v>
      </c>
      <c r="CW7" s="244">
        <f>SUM(CB8:CU8)</f>
        <v>20</v>
      </c>
      <c r="CX7" s="245">
        <f>CV7+CW7</f>
        <v>120</v>
      </c>
      <c r="CY7" s="38">
        <v>5</v>
      </c>
      <c r="CZ7" s="36">
        <v>5</v>
      </c>
      <c r="DA7" s="36">
        <v>5</v>
      </c>
      <c r="DB7" s="37">
        <v>5</v>
      </c>
      <c r="DC7" s="35">
        <v>5</v>
      </c>
      <c r="DD7" s="36">
        <v>5</v>
      </c>
      <c r="DE7" s="36">
        <v>5</v>
      </c>
      <c r="DF7" s="39">
        <v>5</v>
      </c>
      <c r="DG7" s="35">
        <v>5</v>
      </c>
      <c r="DH7" s="36">
        <v>5</v>
      </c>
      <c r="DI7" s="36">
        <v>5</v>
      </c>
      <c r="DJ7" s="39">
        <v>5</v>
      </c>
      <c r="DK7" s="35">
        <v>5</v>
      </c>
      <c r="DL7" s="36">
        <v>5</v>
      </c>
      <c r="DM7" s="36">
        <v>5</v>
      </c>
      <c r="DN7" s="39">
        <v>5</v>
      </c>
      <c r="DO7" s="35">
        <v>5</v>
      </c>
      <c r="DP7" s="36">
        <v>5</v>
      </c>
      <c r="DQ7" s="36">
        <v>5</v>
      </c>
      <c r="DR7" s="42">
        <v>5</v>
      </c>
      <c r="DS7" s="243">
        <f>SUM(CY7:DR7)</f>
        <v>100</v>
      </c>
      <c r="DT7" s="244">
        <f>SUM(CY8:DR8)</f>
        <v>40</v>
      </c>
      <c r="DU7" s="245">
        <f>DS7+DT7</f>
        <v>140</v>
      </c>
      <c r="DV7" s="41">
        <v>5</v>
      </c>
      <c r="DW7" s="36">
        <v>5</v>
      </c>
      <c r="DX7" s="36">
        <v>5</v>
      </c>
      <c r="DY7" s="39">
        <v>5</v>
      </c>
      <c r="DZ7" s="35">
        <v>5</v>
      </c>
      <c r="EA7" s="36">
        <v>5</v>
      </c>
      <c r="EB7" s="36">
        <v>5</v>
      </c>
      <c r="EC7" s="39">
        <v>5</v>
      </c>
      <c r="ED7" s="82">
        <v>5</v>
      </c>
      <c r="EE7" s="49">
        <v>5</v>
      </c>
      <c r="EF7" s="49">
        <v>5</v>
      </c>
      <c r="EG7" s="51">
        <v>5</v>
      </c>
      <c r="EH7" s="35">
        <v>5</v>
      </c>
      <c r="EI7" s="36">
        <v>5</v>
      </c>
      <c r="EJ7" s="36">
        <v>5</v>
      </c>
      <c r="EK7" s="39">
        <v>5</v>
      </c>
      <c r="EL7" s="35">
        <v>5</v>
      </c>
      <c r="EM7" s="36">
        <v>5</v>
      </c>
      <c r="EN7" s="36">
        <v>5</v>
      </c>
      <c r="EO7" s="39">
        <v>5</v>
      </c>
      <c r="EP7" s="35">
        <v>5</v>
      </c>
      <c r="EQ7" s="36">
        <v>5</v>
      </c>
      <c r="ER7" s="36">
        <v>5</v>
      </c>
      <c r="ES7" s="39">
        <v>5</v>
      </c>
      <c r="ET7" s="35">
        <v>5</v>
      </c>
      <c r="EU7" s="36">
        <v>5</v>
      </c>
      <c r="EV7" s="36">
        <v>5</v>
      </c>
      <c r="EW7" s="39">
        <v>5</v>
      </c>
      <c r="EX7" s="35">
        <v>5</v>
      </c>
      <c r="EY7" s="36">
        <v>5</v>
      </c>
      <c r="EZ7" s="36">
        <v>5</v>
      </c>
      <c r="FA7" s="51">
        <v>5</v>
      </c>
      <c r="FB7" s="35">
        <v>5</v>
      </c>
      <c r="FC7" s="36">
        <v>5</v>
      </c>
      <c r="FD7" s="36">
        <v>5</v>
      </c>
      <c r="FE7" s="39">
        <v>5</v>
      </c>
      <c r="FF7" s="35">
        <v>5</v>
      </c>
      <c r="FG7" s="36">
        <v>5</v>
      </c>
      <c r="FH7" s="36">
        <v>5</v>
      </c>
      <c r="FI7" s="39">
        <v>5</v>
      </c>
      <c r="FJ7" s="35">
        <v>5</v>
      </c>
      <c r="FK7" s="36">
        <v>5</v>
      </c>
      <c r="FL7" s="36">
        <v>5</v>
      </c>
      <c r="FM7" s="39">
        <v>5</v>
      </c>
      <c r="FN7" s="35">
        <v>5</v>
      </c>
      <c r="FO7" s="49">
        <v>5</v>
      </c>
      <c r="FP7" s="36">
        <v>5</v>
      </c>
      <c r="FQ7" s="52">
        <v>5</v>
      </c>
      <c r="FR7" s="243">
        <f>SUM(DV7:FQ7)</f>
        <v>240</v>
      </c>
      <c r="FS7" s="244">
        <f>SUM(DV8:FQ8)</f>
        <v>320</v>
      </c>
      <c r="FT7" s="245">
        <f>FR7+FS7</f>
        <v>560</v>
      </c>
      <c r="FU7" s="50">
        <v>5</v>
      </c>
      <c r="FV7" s="35">
        <v>5</v>
      </c>
      <c r="FW7" s="36">
        <v>5</v>
      </c>
      <c r="FX7" s="36">
        <v>5</v>
      </c>
      <c r="FY7" s="39">
        <v>5</v>
      </c>
      <c r="FZ7" s="35">
        <v>5</v>
      </c>
      <c r="GA7" s="39">
        <v>5</v>
      </c>
      <c r="GB7" s="35">
        <v>5</v>
      </c>
      <c r="GC7" s="36">
        <v>5</v>
      </c>
      <c r="GD7" s="36">
        <v>5</v>
      </c>
      <c r="GE7" s="39">
        <v>5</v>
      </c>
      <c r="GF7" s="35">
        <v>5</v>
      </c>
      <c r="GG7" s="36">
        <v>5</v>
      </c>
      <c r="GH7" s="36">
        <v>5</v>
      </c>
      <c r="GI7" s="37">
        <v>5</v>
      </c>
      <c r="GJ7" s="243">
        <f>SUM(FU7:GI7)</f>
        <v>75</v>
      </c>
      <c r="GK7" s="244">
        <f>SUM(FU8:GI8)</f>
        <v>15</v>
      </c>
      <c r="GL7" s="245">
        <f>GJ7+GK7</f>
        <v>90</v>
      </c>
      <c r="GM7" s="122">
        <v>15</v>
      </c>
      <c r="GN7" s="119">
        <v>15</v>
      </c>
      <c r="GO7" s="119">
        <v>15</v>
      </c>
      <c r="GP7" s="123">
        <v>15</v>
      </c>
      <c r="GQ7" s="124">
        <v>15</v>
      </c>
      <c r="GR7" s="119">
        <v>15</v>
      </c>
      <c r="GS7" s="119">
        <v>15</v>
      </c>
      <c r="GT7" s="125">
        <v>15</v>
      </c>
      <c r="GU7" s="82">
        <v>15</v>
      </c>
      <c r="GV7" s="49">
        <v>15</v>
      </c>
      <c r="GW7" s="49">
        <v>15</v>
      </c>
      <c r="GX7" s="51">
        <v>15</v>
      </c>
      <c r="GY7" s="124">
        <v>15</v>
      </c>
      <c r="GZ7" s="119">
        <v>15</v>
      </c>
      <c r="HA7" s="119">
        <v>15</v>
      </c>
      <c r="HB7" s="123">
        <v>15</v>
      </c>
      <c r="HC7" s="124">
        <v>15</v>
      </c>
      <c r="HD7" s="119">
        <v>15</v>
      </c>
      <c r="HE7" s="119">
        <v>15</v>
      </c>
      <c r="HF7" s="125">
        <v>15</v>
      </c>
      <c r="HG7" s="82">
        <v>15</v>
      </c>
      <c r="HH7" s="49">
        <v>15</v>
      </c>
      <c r="HI7" s="49">
        <v>15</v>
      </c>
      <c r="HJ7" s="51">
        <v>15</v>
      </c>
      <c r="HK7" s="124">
        <v>15</v>
      </c>
      <c r="HL7" s="119">
        <v>15</v>
      </c>
      <c r="HM7" s="119">
        <v>15</v>
      </c>
      <c r="HN7" s="123">
        <v>15</v>
      </c>
      <c r="HO7" s="124">
        <v>15</v>
      </c>
      <c r="HP7" s="119">
        <v>15</v>
      </c>
      <c r="HQ7" s="119">
        <v>15</v>
      </c>
      <c r="HR7" s="125">
        <v>15</v>
      </c>
      <c r="HS7" s="277">
        <f>SUM(GM7:HR7)-180</f>
        <v>300</v>
      </c>
      <c r="HT7" s="278">
        <f>SUM(GM8:HR8)-180</f>
        <v>300</v>
      </c>
      <c r="HU7" s="229">
        <f>HS7+HT7</f>
        <v>600</v>
      </c>
      <c r="HV7" s="204">
        <f>BB7+BY7+CV7+DS7+FR7+GJ7+HS7</f>
        <v>1020</v>
      </c>
      <c r="HW7" s="191">
        <f>BZ7+CW7+DT7+FS7+GK7+HT7</f>
        <v>755</v>
      </c>
      <c r="HX7" s="271">
        <f>HV7+HW7</f>
        <v>1775</v>
      </c>
      <c r="HY7" s="158">
        <v>5</v>
      </c>
      <c r="HZ7" s="41">
        <v>5</v>
      </c>
      <c r="IA7" s="39">
        <v>5</v>
      </c>
      <c r="IB7" s="69">
        <v>5</v>
      </c>
      <c r="IC7" s="70">
        <v>5</v>
      </c>
      <c r="ID7" s="70">
        <v>5</v>
      </c>
      <c r="IE7" s="71">
        <v>5</v>
      </c>
      <c r="IF7" s="69">
        <v>5</v>
      </c>
      <c r="IG7" s="70">
        <v>5</v>
      </c>
      <c r="IH7" s="70">
        <v>5</v>
      </c>
      <c r="II7" s="71">
        <v>5</v>
      </c>
      <c r="IJ7" s="35">
        <v>5</v>
      </c>
      <c r="IK7" s="36">
        <v>5</v>
      </c>
      <c r="IL7" s="37">
        <v>5</v>
      </c>
      <c r="IM7" s="35">
        <v>5</v>
      </c>
      <c r="IN7" s="36">
        <v>5</v>
      </c>
      <c r="IO7" s="36">
        <v>5</v>
      </c>
      <c r="IP7" s="40">
        <v>5</v>
      </c>
      <c r="IQ7" s="35">
        <v>5</v>
      </c>
      <c r="IR7" s="36">
        <v>5</v>
      </c>
      <c r="IS7" s="36">
        <v>5</v>
      </c>
      <c r="IT7" s="40">
        <v>5</v>
      </c>
      <c r="IU7" s="35">
        <v>5</v>
      </c>
      <c r="IV7" s="40">
        <v>5</v>
      </c>
      <c r="IW7" s="243">
        <f>SUM(HY7:IV7)</f>
        <v>120</v>
      </c>
      <c r="IX7" s="245">
        <f>IW7</f>
        <v>120</v>
      </c>
      <c r="IY7" s="35">
        <v>5</v>
      </c>
      <c r="IZ7" s="36">
        <v>5</v>
      </c>
      <c r="JA7" s="36">
        <v>5</v>
      </c>
      <c r="JB7" s="39">
        <v>5</v>
      </c>
      <c r="JC7" s="35">
        <v>5</v>
      </c>
      <c r="JD7" s="36">
        <v>5</v>
      </c>
      <c r="JE7" s="36">
        <v>5</v>
      </c>
      <c r="JF7" s="39">
        <v>5</v>
      </c>
      <c r="JG7" s="35">
        <v>5</v>
      </c>
      <c r="JH7" s="36">
        <v>5</v>
      </c>
      <c r="JI7" s="36">
        <v>5</v>
      </c>
      <c r="JJ7" s="39">
        <v>5</v>
      </c>
      <c r="JK7" s="35">
        <v>1</v>
      </c>
      <c r="JL7" s="36">
        <v>1</v>
      </c>
      <c r="JM7" s="36">
        <v>1</v>
      </c>
      <c r="JN7" s="36">
        <v>1</v>
      </c>
      <c r="JO7" s="41">
        <v>1</v>
      </c>
      <c r="JP7" s="36">
        <v>1</v>
      </c>
      <c r="JQ7" s="36">
        <v>1</v>
      </c>
      <c r="JR7" s="36">
        <v>1</v>
      </c>
      <c r="JS7" s="41">
        <v>5</v>
      </c>
      <c r="JT7" s="36">
        <v>2</v>
      </c>
      <c r="JU7" s="169">
        <v>5</v>
      </c>
      <c r="JV7" s="243">
        <f>SUM(IY7:JU7)</f>
        <v>80</v>
      </c>
      <c r="JW7" s="244">
        <f>SUM(IY8:JU8)</f>
        <v>40</v>
      </c>
      <c r="JX7" s="245">
        <f>JV7+JW7</f>
        <v>120</v>
      </c>
      <c r="JY7" s="204">
        <f>IW7+JV7</f>
        <v>200</v>
      </c>
      <c r="JZ7" s="191">
        <f>JW7</f>
        <v>40</v>
      </c>
      <c r="KA7" s="193">
        <f>JY7+JZ7</f>
        <v>240</v>
      </c>
      <c r="KB7" s="195">
        <f>AE7+HV7+JY7</f>
        <v>1355</v>
      </c>
      <c r="KC7" s="197">
        <f>AF7+HW7+JZ7</f>
        <v>830</v>
      </c>
      <c r="KD7" s="199">
        <f>KB7+KC7</f>
        <v>2185</v>
      </c>
    </row>
    <row r="8" spans="1:290" s="97" customFormat="1" ht="17.25" customHeight="1" thickTop="1" thickBot="1" x14ac:dyDescent="0.2">
      <c r="A8" s="96" t="s">
        <v>77</v>
      </c>
      <c r="B8" s="319"/>
      <c r="C8" s="8"/>
      <c r="D8" s="9"/>
      <c r="E8" s="9"/>
      <c r="F8" s="10"/>
      <c r="G8" s="8"/>
      <c r="H8" s="9"/>
      <c r="I8" s="9"/>
      <c r="J8" s="12"/>
      <c r="K8" s="8"/>
      <c r="L8" s="9"/>
      <c r="M8" s="9"/>
      <c r="N8" s="107"/>
      <c r="O8" s="8">
        <v>5</v>
      </c>
      <c r="P8" s="9">
        <v>5</v>
      </c>
      <c r="Q8" s="9">
        <v>5</v>
      </c>
      <c r="R8" s="10">
        <v>5</v>
      </c>
      <c r="S8" s="8"/>
      <c r="T8" s="9"/>
      <c r="U8" s="9"/>
      <c r="V8" s="10"/>
      <c r="W8" s="8"/>
      <c r="X8" s="9"/>
      <c r="Y8" s="9"/>
      <c r="Z8" s="10"/>
      <c r="AA8" s="120">
        <v>5</v>
      </c>
      <c r="AB8" s="121">
        <v>5</v>
      </c>
      <c r="AC8" s="9">
        <v>5</v>
      </c>
      <c r="AD8" s="10">
        <v>5</v>
      </c>
      <c r="AE8" s="325"/>
      <c r="AF8" s="327"/>
      <c r="AG8" s="329"/>
      <c r="AH8" s="35"/>
      <c r="AI8" s="9"/>
      <c r="AJ8" s="9"/>
      <c r="AK8" s="12"/>
      <c r="AL8" s="8"/>
      <c r="AM8" s="9"/>
      <c r="AN8" s="9"/>
      <c r="AO8" s="10"/>
      <c r="AP8" s="8"/>
      <c r="AQ8" s="9"/>
      <c r="AR8" s="9"/>
      <c r="AS8" s="10"/>
      <c r="AT8" s="8"/>
      <c r="AU8" s="9"/>
      <c r="AV8" s="9"/>
      <c r="AW8" s="10"/>
      <c r="AX8" s="8"/>
      <c r="AY8" s="9"/>
      <c r="AZ8" s="9"/>
      <c r="BA8" s="13"/>
      <c r="BB8" s="174"/>
      <c r="BC8" s="309"/>
      <c r="BD8" s="14"/>
      <c r="BE8" s="8">
        <v>5</v>
      </c>
      <c r="BF8" s="9">
        <v>5</v>
      </c>
      <c r="BG8" s="8">
        <v>5</v>
      </c>
      <c r="BH8" s="9">
        <v>5</v>
      </c>
      <c r="BI8" s="83">
        <v>5</v>
      </c>
      <c r="BJ8" s="53">
        <v>5</v>
      </c>
      <c r="BK8" s="53">
        <v>5</v>
      </c>
      <c r="BL8" s="54">
        <v>5</v>
      </c>
      <c r="BM8" s="8"/>
      <c r="BN8" s="9"/>
      <c r="BO8" s="9"/>
      <c r="BP8" s="12"/>
      <c r="BQ8" s="8"/>
      <c r="BR8" s="9"/>
      <c r="BS8" s="9"/>
      <c r="BT8" s="12"/>
      <c r="BU8" s="8">
        <v>5</v>
      </c>
      <c r="BV8" s="9">
        <v>5</v>
      </c>
      <c r="BW8" s="9">
        <v>5</v>
      </c>
      <c r="BX8" s="13">
        <v>5</v>
      </c>
      <c r="BY8" s="174"/>
      <c r="BZ8" s="176"/>
      <c r="CA8" s="178"/>
      <c r="CB8" s="14"/>
      <c r="CC8" s="9"/>
      <c r="CD8" s="9"/>
      <c r="CE8" s="9"/>
      <c r="CF8" s="12"/>
      <c r="CG8" s="8"/>
      <c r="CH8" s="9"/>
      <c r="CI8" s="9"/>
      <c r="CJ8" s="12"/>
      <c r="CK8" s="8"/>
      <c r="CL8" s="9"/>
      <c r="CM8" s="9"/>
      <c r="CN8" s="12"/>
      <c r="CO8" s="8">
        <v>5</v>
      </c>
      <c r="CP8" s="9">
        <v>5</v>
      </c>
      <c r="CQ8" s="9">
        <v>5</v>
      </c>
      <c r="CR8" s="12">
        <v>5</v>
      </c>
      <c r="CS8" s="8"/>
      <c r="CT8" s="9"/>
      <c r="CU8" s="13"/>
      <c r="CV8" s="174"/>
      <c r="CW8" s="176"/>
      <c r="CX8" s="178"/>
      <c r="CY8" s="11"/>
      <c r="CZ8" s="9"/>
      <c r="DA8" s="9"/>
      <c r="DB8" s="10"/>
      <c r="DC8" s="8">
        <v>5</v>
      </c>
      <c r="DD8" s="9">
        <v>5</v>
      </c>
      <c r="DE8" s="9">
        <v>5</v>
      </c>
      <c r="DF8" s="12">
        <v>5</v>
      </c>
      <c r="DG8" s="8">
        <v>5</v>
      </c>
      <c r="DH8" s="9">
        <v>5</v>
      </c>
      <c r="DI8" s="9">
        <v>5</v>
      </c>
      <c r="DJ8" s="12">
        <v>5</v>
      </c>
      <c r="DK8" s="8"/>
      <c r="DL8" s="9"/>
      <c r="DM8" s="9"/>
      <c r="DN8" s="12"/>
      <c r="DO8" s="8"/>
      <c r="DP8" s="9"/>
      <c r="DQ8" s="9"/>
      <c r="DR8" s="26"/>
      <c r="DS8" s="174"/>
      <c r="DT8" s="176"/>
      <c r="DU8" s="178"/>
      <c r="DV8" s="14">
        <v>5</v>
      </c>
      <c r="DW8" s="9">
        <v>5</v>
      </c>
      <c r="DX8" s="9">
        <v>5</v>
      </c>
      <c r="DY8" s="12">
        <v>5</v>
      </c>
      <c r="DZ8" s="8">
        <v>5</v>
      </c>
      <c r="EA8" s="9">
        <v>5</v>
      </c>
      <c r="EB8" s="9">
        <v>5</v>
      </c>
      <c r="EC8" s="12">
        <v>5</v>
      </c>
      <c r="ED8" s="83">
        <v>10</v>
      </c>
      <c r="EE8" s="53">
        <v>10</v>
      </c>
      <c r="EF8" s="53">
        <v>10</v>
      </c>
      <c r="EG8" s="54">
        <v>10</v>
      </c>
      <c r="EH8" s="8">
        <v>10</v>
      </c>
      <c r="EI8" s="9">
        <v>10</v>
      </c>
      <c r="EJ8" s="9">
        <v>10</v>
      </c>
      <c r="EK8" s="12">
        <v>10</v>
      </c>
      <c r="EL8" s="8">
        <v>5</v>
      </c>
      <c r="EM8" s="9">
        <v>5</v>
      </c>
      <c r="EN8" s="9">
        <v>5</v>
      </c>
      <c r="EO8" s="12">
        <v>5</v>
      </c>
      <c r="EP8" s="8">
        <v>5</v>
      </c>
      <c r="EQ8" s="9">
        <v>5</v>
      </c>
      <c r="ER8" s="9">
        <v>5</v>
      </c>
      <c r="ES8" s="12">
        <v>5</v>
      </c>
      <c r="ET8" s="8">
        <v>5</v>
      </c>
      <c r="EU8" s="9">
        <v>5</v>
      </c>
      <c r="EV8" s="9">
        <v>5</v>
      </c>
      <c r="EW8" s="12">
        <v>5</v>
      </c>
      <c r="EX8" s="8">
        <v>10</v>
      </c>
      <c r="EY8" s="9">
        <v>10</v>
      </c>
      <c r="EZ8" s="9">
        <v>10</v>
      </c>
      <c r="FA8" s="54">
        <v>10</v>
      </c>
      <c r="FB8" s="8">
        <v>5</v>
      </c>
      <c r="FC8" s="9">
        <v>5</v>
      </c>
      <c r="FD8" s="9">
        <v>5</v>
      </c>
      <c r="FE8" s="12">
        <v>5</v>
      </c>
      <c r="FF8" s="8">
        <v>5</v>
      </c>
      <c r="FG8" s="9">
        <v>5</v>
      </c>
      <c r="FH8" s="9">
        <v>5</v>
      </c>
      <c r="FI8" s="12">
        <v>5</v>
      </c>
      <c r="FJ8" s="8">
        <v>5</v>
      </c>
      <c r="FK8" s="9">
        <v>5</v>
      </c>
      <c r="FL8" s="9">
        <v>5</v>
      </c>
      <c r="FM8" s="12">
        <v>5</v>
      </c>
      <c r="FN8" s="8">
        <v>10</v>
      </c>
      <c r="FO8" s="53">
        <v>10</v>
      </c>
      <c r="FP8" s="9">
        <v>10</v>
      </c>
      <c r="FQ8" s="55">
        <v>10</v>
      </c>
      <c r="FR8" s="174"/>
      <c r="FS8" s="176"/>
      <c r="FT8" s="178"/>
      <c r="FU8" s="157">
        <v>5</v>
      </c>
      <c r="FV8" s="8"/>
      <c r="FW8" s="9"/>
      <c r="FX8" s="9"/>
      <c r="FY8" s="12"/>
      <c r="FZ8" s="8">
        <v>5</v>
      </c>
      <c r="GA8" s="12">
        <v>5</v>
      </c>
      <c r="GB8" s="8"/>
      <c r="GC8" s="9"/>
      <c r="GD8" s="9"/>
      <c r="GE8" s="12"/>
      <c r="GF8" s="8"/>
      <c r="GG8" s="9"/>
      <c r="GH8" s="9"/>
      <c r="GI8" s="10"/>
      <c r="GJ8" s="174"/>
      <c r="GK8" s="176"/>
      <c r="GL8" s="178"/>
      <c r="GM8" s="126">
        <v>15</v>
      </c>
      <c r="GN8" s="121">
        <v>15</v>
      </c>
      <c r="GO8" s="121">
        <v>15</v>
      </c>
      <c r="GP8" s="127">
        <v>15</v>
      </c>
      <c r="GQ8" s="128">
        <v>15</v>
      </c>
      <c r="GR8" s="121">
        <v>15</v>
      </c>
      <c r="GS8" s="121">
        <v>15</v>
      </c>
      <c r="GT8" s="129">
        <v>15</v>
      </c>
      <c r="GU8" s="83">
        <v>15</v>
      </c>
      <c r="GV8" s="53">
        <v>15</v>
      </c>
      <c r="GW8" s="53">
        <v>15</v>
      </c>
      <c r="GX8" s="54">
        <v>15</v>
      </c>
      <c r="GY8" s="128">
        <v>15</v>
      </c>
      <c r="GZ8" s="121">
        <v>15</v>
      </c>
      <c r="HA8" s="121">
        <v>15</v>
      </c>
      <c r="HB8" s="127">
        <v>15</v>
      </c>
      <c r="HC8" s="128">
        <v>15</v>
      </c>
      <c r="HD8" s="121">
        <v>15</v>
      </c>
      <c r="HE8" s="121">
        <v>15</v>
      </c>
      <c r="HF8" s="129">
        <v>15</v>
      </c>
      <c r="HG8" s="83">
        <v>15</v>
      </c>
      <c r="HH8" s="53">
        <v>15</v>
      </c>
      <c r="HI8" s="53">
        <v>15</v>
      </c>
      <c r="HJ8" s="54">
        <v>15</v>
      </c>
      <c r="HK8" s="128">
        <v>15</v>
      </c>
      <c r="HL8" s="121">
        <v>15</v>
      </c>
      <c r="HM8" s="121">
        <v>15</v>
      </c>
      <c r="HN8" s="127">
        <v>15</v>
      </c>
      <c r="HO8" s="128">
        <v>15</v>
      </c>
      <c r="HP8" s="121">
        <v>15</v>
      </c>
      <c r="HQ8" s="121">
        <v>15</v>
      </c>
      <c r="HR8" s="129">
        <v>15</v>
      </c>
      <c r="HS8" s="274"/>
      <c r="HT8" s="276"/>
      <c r="HU8" s="228"/>
      <c r="HV8" s="205"/>
      <c r="HW8" s="192"/>
      <c r="HX8" s="232"/>
      <c r="HY8" s="159"/>
      <c r="HZ8" s="14"/>
      <c r="IA8" s="12"/>
      <c r="IB8" s="72"/>
      <c r="IC8" s="73"/>
      <c r="ID8" s="73"/>
      <c r="IE8" s="74"/>
      <c r="IF8" s="72"/>
      <c r="IG8" s="73"/>
      <c r="IH8" s="73"/>
      <c r="II8" s="74"/>
      <c r="IJ8" s="8"/>
      <c r="IK8" s="9"/>
      <c r="IL8" s="10"/>
      <c r="IM8" s="8"/>
      <c r="IN8" s="9"/>
      <c r="IO8" s="9"/>
      <c r="IP8" s="13"/>
      <c r="IQ8" s="8"/>
      <c r="IR8" s="9"/>
      <c r="IS8" s="9"/>
      <c r="IT8" s="13"/>
      <c r="IU8" s="8"/>
      <c r="IV8" s="13"/>
      <c r="IW8" s="174"/>
      <c r="IX8" s="178"/>
      <c r="IY8" s="35"/>
      <c r="IZ8" s="9"/>
      <c r="JA8" s="9"/>
      <c r="JB8" s="12"/>
      <c r="JC8" s="8"/>
      <c r="JD8" s="9"/>
      <c r="JE8" s="9"/>
      <c r="JF8" s="12"/>
      <c r="JG8" s="8">
        <v>10</v>
      </c>
      <c r="JH8" s="9">
        <v>10</v>
      </c>
      <c r="JI8" s="9">
        <v>10</v>
      </c>
      <c r="JJ8" s="12">
        <v>10</v>
      </c>
      <c r="JK8" s="8"/>
      <c r="JL8" s="9"/>
      <c r="JM8" s="9"/>
      <c r="JN8" s="9"/>
      <c r="JO8" s="14"/>
      <c r="JP8" s="9"/>
      <c r="JQ8" s="9"/>
      <c r="JR8" s="9"/>
      <c r="JS8" s="14"/>
      <c r="JT8" s="9"/>
      <c r="JU8" s="39"/>
      <c r="JV8" s="174"/>
      <c r="JW8" s="176"/>
      <c r="JX8" s="178"/>
      <c r="JY8" s="205"/>
      <c r="JZ8" s="192"/>
      <c r="KA8" s="194"/>
      <c r="KB8" s="196"/>
      <c r="KC8" s="198"/>
      <c r="KD8" s="200"/>
    </row>
    <row r="9" spans="1:290" s="97" customFormat="1" ht="17.25" customHeight="1" thickTop="1" x14ac:dyDescent="0.15">
      <c r="A9" s="167" t="s">
        <v>20</v>
      </c>
      <c r="B9" s="318"/>
      <c r="C9" s="170" t="s">
        <v>21</v>
      </c>
      <c r="D9" s="171"/>
      <c r="E9" s="171"/>
      <c r="F9" s="172"/>
      <c r="G9" s="170" t="s">
        <v>21</v>
      </c>
      <c r="H9" s="171"/>
      <c r="I9" s="171"/>
      <c r="J9" s="172"/>
      <c r="K9" s="170" t="s">
        <v>64</v>
      </c>
      <c r="L9" s="171"/>
      <c r="M9" s="171"/>
      <c r="N9" s="172"/>
      <c r="O9" s="170" t="s">
        <v>21</v>
      </c>
      <c r="P9" s="171"/>
      <c r="Q9" s="171"/>
      <c r="R9" s="172"/>
      <c r="S9" s="170" t="s">
        <v>21</v>
      </c>
      <c r="T9" s="171"/>
      <c r="U9" s="171"/>
      <c r="V9" s="172"/>
      <c r="W9" s="170" t="s">
        <v>21</v>
      </c>
      <c r="X9" s="171"/>
      <c r="Y9" s="171"/>
      <c r="Z9" s="172"/>
      <c r="AA9" s="170" t="s">
        <v>21</v>
      </c>
      <c r="AB9" s="171"/>
      <c r="AC9" s="171"/>
      <c r="AD9" s="172"/>
      <c r="AE9" s="150"/>
      <c r="AF9" s="152"/>
      <c r="AG9" s="154"/>
      <c r="AH9" s="170" t="s">
        <v>21</v>
      </c>
      <c r="AI9" s="171"/>
      <c r="AJ9" s="171"/>
      <c r="AK9" s="172"/>
      <c r="AL9" s="170" t="s">
        <v>21</v>
      </c>
      <c r="AM9" s="171"/>
      <c r="AN9" s="171"/>
      <c r="AO9" s="172"/>
      <c r="AP9" s="170" t="s">
        <v>21</v>
      </c>
      <c r="AQ9" s="171"/>
      <c r="AR9" s="171"/>
      <c r="AS9" s="172"/>
      <c r="AT9" s="170" t="s">
        <v>21</v>
      </c>
      <c r="AU9" s="171"/>
      <c r="AV9" s="171"/>
      <c r="AW9" s="172"/>
      <c r="AX9" s="170" t="s">
        <v>21</v>
      </c>
      <c r="AY9" s="171"/>
      <c r="AZ9" s="171"/>
      <c r="BA9" s="172"/>
      <c r="BB9" s="173"/>
      <c r="BC9" s="177"/>
      <c r="BD9" s="165"/>
      <c r="BE9" s="170" t="s">
        <v>21</v>
      </c>
      <c r="BF9" s="172"/>
      <c r="BG9" s="170" t="s">
        <v>21</v>
      </c>
      <c r="BH9" s="172"/>
      <c r="BI9" s="179" t="s">
        <v>21</v>
      </c>
      <c r="BJ9" s="180"/>
      <c r="BK9" s="180"/>
      <c r="BL9" s="181"/>
      <c r="BM9" s="170" t="s">
        <v>21</v>
      </c>
      <c r="BN9" s="171"/>
      <c r="BO9" s="171"/>
      <c r="BP9" s="172"/>
      <c r="BQ9" s="170" t="s">
        <v>21</v>
      </c>
      <c r="BR9" s="171"/>
      <c r="BS9" s="171"/>
      <c r="BT9" s="172"/>
      <c r="BU9" s="170" t="s">
        <v>21</v>
      </c>
      <c r="BV9" s="171"/>
      <c r="BW9" s="171"/>
      <c r="BX9" s="172"/>
      <c r="BY9" s="173"/>
      <c r="BZ9" s="175"/>
      <c r="CA9" s="177"/>
      <c r="CB9" s="170" t="s">
        <v>21</v>
      </c>
      <c r="CC9" s="171"/>
      <c r="CD9" s="171"/>
      <c r="CE9" s="171"/>
      <c r="CF9" s="172"/>
      <c r="CG9" s="170" t="s">
        <v>21</v>
      </c>
      <c r="CH9" s="171"/>
      <c r="CI9" s="171"/>
      <c r="CJ9" s="172"/>
      <c r="CK9" s="170" t="s">
        <v>21</v>
      </c>
      <c r="CL9" s="171"/>
      <c r="CM9" s="171"/>
      <c r="CN9" s="172"/>
      <c r="CO9" s="170" t="s">
        <v>21</v>
      </c>
      <c r="CP9" s="171"/>
      <c r="CQ9" s="171"/>
      <c r="CR9" s="172"/>
      <c r="CS9" s="170" t="s">
        <v>21</v>
      </c>
      <c r="CT9" s="171"/>
      <c r="CU9" s="172"/>
      <c r="CV9" s="173"/>
      <c r="CW9" s="175"/>
      <c r="CX9" s="177"/>
      <c r="CY9" s="170" t="s">
        <v>21</v>
      </c>
      <c r="CZ9" s="171"/>
      <c r="DA9" s="171"/>
      <c r="DB9" s="172"/>
      <c r="DC9" s="170" t="s">
        <v>21</v>
      </c>
      <c r="DD9" s="171"/>
      <c r="DE9" s="171"/>
      <c r="DF9" s="172"/>
      <c r="DG9" s="170" t="s">
        <v>21</v>
      </c>
      <c r="DH9" s="171"/>
      <c r="DI9" s="171"/>
      <c r="DJ9" s="172"/>
      <c r="DK9" s="170" t="s">
        <v>21</v>
      </c>
      <c r="DL9" s="171"/>
      <c r="DM9" s="171"/>
      <c r="DN9" s="172"/>
      <c r="DO9" s="170" t="s">
        <v>21</v>
      </c>
      <c r="DP9" s="171"/>
      <c r="DQ9" s="171"/>
      <c r="DR9" s="172"/>
      <c r="DS9" s="173"/>
      <c r="DT9" s="175"/>
      <c r="DU9" s="177"/>
      <c r="DV9" s="170" t="s">
        <v>21</v>
      </c>
      <c r="DW9" s="171"/>
      <c r="DX9" s="171"/>
      <c r="DY9" s="172"/>
      <c r="DZ9" s="170" t="s">
        <v>21</v>
      </c>
      <c r="EA9" s="171"/>
      <c r="EB9" s="171"/>
      <c r="EC9" s="172"/>
      <c r="ED9" s="179" t="s">
        <v>21</v>
      </c>
      <c r="EE9" s="180"/>
      <c r="EF9" s="180"/>
      <c r="EG9" s="181"/>
      <c r="EH9" s="170" t="s">
        <v>21</v>
      </c>
      <c r="EI9" s="171"/>
      <c r="EJ9" s="171"/>
      <c r="EK9" s="172"/>
      <c r="EL9" s="170" t="s">
        <v>21</v>
      </c>
      <c r="EM9" s="171"/>
      <c r="EN9" s="171"/>
      <c r="EO9" s="172"/>
      <c r="EP9" s="170" t="s">
        <v>21</v>
      </c>
      <c r="EQ9" s="171"/>
      <c r="ER9" s="171"/>
      <c r="ES9" s="172"/>
      <c r="ET9" s="170" t="s">
        <v>21</v>
      </c>
      <c r="EU9" s="171"/>
      <c r="EV9" s="171"/>
      <c r="EW9" s="172"/>
      <c r="EX9" s="170" t="s">
        <v>21</v>
      </c>
      <c r="EY9" s="171"/>
      <c r="EZ9" s="171"/>
      <c r="FA9" s="172"/>
      <c r="FB9" s="170" t="s">
        <v>21</v>
      </c>
      <c r="FC9" s="171"/>
      <c r="FD9" s="171"/>
      <c r="FE9" s="172"/>
      <c r="FF9" s="170" t="s">
        <v>21</v>
      </c>
      <c r="FG9" s="171"/>
      <c r="FH9" s="171"/>
      <c r="FI9" s="172"/>
      <c r="FJ9" s="170" t="s">
        <v>21</v>
      </c>
      <c r="FK9" s="171"/>
      <c r="FL9" s="171"/>
      <c r="FM9" s="172"/>
      <c r="FN9" s="170" t="s">
        <v>21</v>
      </c>
      <c r="FO9" s="171"/>
      <c r="FP9" s="171"/>
      <c r="FQ9" s="172"/>
      <c r="FR9" s="173"/>
      <c r="FS9" s="175"/>
      <c r="FT9" s="177"/>
      <c r="FU9" s="168"/>
      <c r="FV9" s="170" t="s">
        <v>21</v>
      </c>
      <c r="FW9" s="171"/>
      <c r="FX9" s="171"/>
      <c r="FY9" s="172"/>
      <c r="FZ9" s="170" t="s">
        <v>21</v>
      </c>
      <c r="GA9" s="172"/>
      <c r="GB9" s="170" t="s">
        <v>21</v>
      </c>
      <c r="GC9" s="171"/>
      <c r="GD9" s="171"/>
      <c r="GE9" s="172"/>
      <c r="GF9" s="170" t="s">
        <v>21</v>
      </c>
      <c r="GG9" s="171"/>
      <c r="GH9" s="171"/>
      <c r="GI9" s="172"/>
      <c r="GJ9" s="173"/>
      <c r="GK9" s="175"/>
      <c r="GL9" s="177"/>
      <c r="GM9" s="179"/>
      <c r="GN9" s="180"/>
      <c r="GO9" s="180"/>
      <c r="GP9" s="251"/>
      <c r="GQ9" s="290"/>
      <c r="GR9" s="180"/>
      <c r="GS9" s="180"/>
      <c r="GT9" s="181"/>
      <c r="GU9" s="179"/>
      <c r="GV9" s="180"/>
      <c r="GW9" s="180"/>
      <c r="GX9" s="181"/>
      <c r="GY9" s="179"/>
      <c r="GZ9" s="180"/>
      <c r="HA9" s="180"/>
      <c r="HB9" s="251"/>
      <c r="HC9" s="290"/>
      <c r="HD9" s="180"/>
      <c r="HE9" s="180"/>
      <c r="HF9" s="181"/>
      <c r="HG9" s="179"/>
      <c r="HH9" s="180"/>
      <c r="HI9" s="180"/>
      <c r="HJ9" s="181"/>
      <c r="HK9" s="179"/>
      <c r="HL9" s="180"/>
      <c r="HM9" s="180"/>
      <c r="HN9" s="251"/>
      <c r="HO9" s="290"/>
      <c r="HP9" s="180"/>
      <c r="HQ9" s="180"/>
      <c r="HR9" s="181"/>
      <c r="HS9" s="272"/>
      <c r="HT9" s="253"/>
      <c r="HU9" s="226"/>
      <c r="HV9" s="223"/>
      <c r="HW9" s="222"/>
      <c r="HX9" s="231"/>
      <c r="HY9" s="260" t="s">
        <v>21</v>
      </c>
      <c r="HZ9" s="171"/>
      <c r="IA9" s="172"/>
      <c r="IB9" s="257" t="s">
        <v>21</v>
      </c>
      <c r="IC9" s="258"/>
      <c r="ID9" s="258"/>
      <c r="IE9" s="259"/>
      <c r="IF9" s="257" t="s">
        <v>21</v>
      </c>
      <c r="IG9" s="258"/>
      <c r="IH9" s="258"/>
      <c r="II9" s="259"/>
      <c r="IJ9" s="170" t="s">
        <v>21</v>
      </c>
      <c r="IK9" s="171"/>
      <c r="IL9" s="172"/>
      <c r="IM9" s="170" t="s">
        <v>21</v>
      </c>
      <c r="IN9" s="171"/>
      <c r="IO9" s="171"/>
      <c r="IP9" s="172"/>
      <c r="IQ9" s="170" t="s">
        <v>21</v>
      </c>
      <c r="IR9" s="171"/>
      <c r="IS9" s="171"/>
      <c r="IT9" s="172"/>
      <c r="IU9" s="170" t="s">
        <v>21</v>
      </c>
      <c r="IV9" s="172"/>
      <c r="IW9" s="173"/>
      <c r="IX9" s="177"/>
      <c r="IY9" s="170" t="s">
        <v>21</v>
      </c>
      <c r="IZ9" s="171"/>
      <c r="JA9" s="171"/>
      <c r="JB9" s="172"/>
      <c r="JC9" s="170" t="s">
        <v>21</v>
      </c>
      <c r="JD9" s="171"/>
      <c r="JE9" s="171"/>
      <c r="JF9" s="172"/>
      <c r="JG9" s="170" t="s">
        <v>21</v>
      </c>
      <c r="JH9" s="171"/>
      <c r="JI9" s="171"/>
      <c r="JJ9" s="172"/>
      <c r="JK9" s="170" t="s">
        <v>21</v>
      </c>
      <c r="JL9" s="171"/>
      <c r="JM9" s="171"/>
      <c r="JN9" s="171"/>
      <c r="JO9" s="171"/>
      <c r="JP9" s="171"/>
      <c r="JQ9" s="171"/>
      <c r="JR9" s="171"/>
      <c r="JS9" s="171"/>
      <c r="JT9" s="171"/>
      <c r="JU9" s="172"/>
      <c r="JV9" s="173"/>
      <c r="JW9" s="175"/>
      <c r="JX9" s="177"/>
      <c r="JY9" s="223"/>
      <c r="JZ9" s="222"/>
      <c r="KA9" s="238"/>
      <c r="KB9" s="246"/>
      <c r="KC9" s="255"/>
      <c r="KD9" s="233"/>
    </row>
    <row r="10" spans="1:290" s="95" customFormat="1" ht="17.25" customHeight="1" thickBot="1" x14ac:dyDescent="0.2">
      <c r="A10" s="98" t="s">
        <v>0</v>
      </c>
      <c r="B10" s="320"/>
      <c r="C10" s="15"/>
      <c r="D10" s="16"/>
      <c r="E10" s="16"/>
      <c r="F10" s="17"/>
      <c r="G10" s="15"/>
      <c r="H10" s="16"/>
      <c r="I10" s="16"/>
      <c r="J10" s="22"/>
      <c r="K10" s="18"/>
      <c r="L10" s="18"/>
      <c r="M10" s="18"/>
      <c r="N10" s="18"/>
      <c r="O10" s="15" t="s">
        <v>23</v>
      </c>
      <c r="P10" s="16" t="s">
        <v>23</v>
      </c>
      <c r="Q10" s="16" t="s">
        <v>23</v>
      </c>
      <c r="R10" s="17" t="s">
        <v>23</v>
      </c>
      <c r="S10" s="15"/>
      <c r="T10" s="16"/>
      <c r="U10" s="16"/>
      <c r="V10" s="17"/>
      <c r="W10" s="15"/>
      <c r="X10" s="16"/>
      <c r="Y10" s="16"/>
      <c r="Z10" s="17"/>
      <c r="AA10" s="15" t="s">
        <v>23</v>
      </c>
      <c r="AB10" s="16" t="s">
        <v>23</v>
      </c>
      <c r="AC10" s="16" t="s">
        <v>23</v>
      </c>
      <c r="AD10" s="17" t="s">
        <v>23</v>
      </c>
      <c r="AE10" s="151"/>
      <c r="AF10" s="153"/>
      <c r="AG10" s="155"/>
      <c r="AH10" s="19"/>
      <c r="AI10" s="16"/>
      <c r="AJ10" s="16"/>
      <c r="AK10" s="20"/>
      <c r="AL10" s="15"/>
      <c r="AM10" s="16"/>
      <c r="AN10" s="16"/>
      <c r="AO10" s="18"/>
      <c r="AP10" s="15"/>
      <c r="AQ10" s="16"/>
      <c r="AR10" s="16"/>
      <c r="AS10" s="18"/>
      <c r="AT10" s="15"/>
      <c r="AU10" s="16"/>
      <c r="AV10" s="16"/>
      <c r="AW10" s="16"/>
      <c r="AX10" s="15"/>
      <c r="AY10" s="16"/>
      <c r="AZ10" s="16"/>
      <c r="BA10" s="23"/>
      <c r="BB10" s="174"/>
      <c r="BC10" s="178"/>
      <c r="BD10" s="19"/>
      <c r="BE10" s="15" t="s">
        <v>23</v>
      </c>
      <c r="BF10" s="16" t="s">
        <v>23</v>
      </c>
      <c r="BG10" s="15" t="s">
        <v>23</v>
      </c>
      <c r="BH10" s="16" t="s">
        <v>23</v>
      </c>
      <c r="BI10" s="84" t="s">
        <v>23</v>
      </c>
      <c r="BJ10" s="57" t="s">
        <v>23</v>
      </c>
      <c r="BK10" s="57" t="s">
        <v>23</v>
      </c>
      <c r="BL10" s="60" t="s">
        <v>23</v>
      </c>
      <c r="BM10" s="15"/>
      <c r="BN10" s="16"/>
      <c r="BO10" s="16"/>
      <c r="BP10" s="22"/>
      <c r="BQ10" s="15"/>
      <c r="BR10" s="16"/>
      <c r="BS10" s="16"/>
      <c r="BT10" s="22"/>
      <c r="BU10" s="15" t="s">
        <v>23</v>
      </c>
      <c r="BV10" s="16" t="s">
        <v>23</v>
      </c>
      <c r="BW10" s="16" t="s">
        <v>23</v>
      </c>
      <c r="BX10" s="21" t="s">
        <v>23</v>
      </c>
      <c r="BY10" s="174"/>
      <c r="BZ10" s="176"/>
      <c r="CA10" s="178"/>
      <c r="CB10" s="18"/>
      <c r="CC10" s="16"/>
      <c r="CD10" s="16"/>
      <c r="CE10" s="16"/>
      <c r="CF10" s="22"/>
      <c r="CG10" s="15"/>
      <c r="CH10" s="16"/>
      <c r="CI10" s="16"/>
      <c r="CJ10" s="22"/>
      <c r="CK10" s="15"/>
      <c r="CL10" s="16"/>
      <c r="CM10" s="16"/>
      <c r="CN10" s="22"/>
      <c r="CO10" s="15" t="s">
        <v>23</v>
      </c>
      <c r="CP10" s="16" t="s">
        <v>23</v>
      </c>
      <c r="CQ10" s="16" t="s">
        <v>23</v>
      </c>
      <c r="CR10" s="22" t="s">
        <v>23</v>
      </c>
      <c r="CS10" s="15"/>
      <c r="CT10" s="16"/>
      <c r="CU10" s="21"/>
      <c r="CV10" s="174"/>
      <c r="CW10" s="176"/>
      <c r="CX10" s="178"/>
      <c r="CY10" s="19"/>
      <c r="CZ10" s="16"/>
      <c r="DA10" s="16"/>
      <c r="DB10" s="16"/>
      <c r="DC10" s="15" t="s">
        <v>23</v>
      </c>
      <c r="DD10" s="16" t="s">
        <v>23</v>
      </c>
      <c r="DE10" s="16" t="s">
        <v>23</v>
      </c>
      <c r="DF10" s="22" t="s">
        <v>23</v>
      </c>
      <c r="DG10" s="15" t="s">
        <v>23</v>
      </c>
      <c r="DH10" s="16" t="s">
        <v>23</v>
      </c>
      <c r="DI10" s="16" t="s">
        <v>23</v>
      </c>
      <c r="DJ10" s="22" t="s">
        <v>23</v>
      </c>
      <c r="DK10" s="15"/>
      <c r="DL10" s="16"/>
      <c r="DM10" s="16"/>
      <c r="DN10" s="22"/>
      <c r="DO10" s="15"/>
      <c r="DP10" s="16"/>
      <c r="DQ10" s="18"/>
      <c r="DR10" s="21"/>
      <c r="DS10" s="174"/>
      <c r="DT10" s="176"/>
      <c r="DU10" s="178"/>
      <c r="DV10" s="18" t="s">
        <v>23</v>
      </c>
      <c r="DW10" s="16" t="s">
        <v>23</v>
      </c>
      <c r="DX10" s="16" t="s">
        <v>23</v>
      </c>
      <c r="DY10" s="22" t="s">
        <v>23</v>
      </c>
      <c r="DZ10" s="15" t="s">
        <v>23</v>
      </c>
      <c r="EA10" s="16" t="s">
        <v>23</v>
      </c>
      <c r="EB10" s="16" t="s">
        <v>23</v>
      </c>
      <c r="EC10" s="22" t="s">
        <v>23</v>
      </c>
      <c r="ED10" s="84" t="s">
        <v>23</v>
      </c>
      <c r="EE10" s="57" t="s">
        <v>23</v>
      </c>
      <c r="EF10" s="57" t="s">
        <v>23</v>
      </c>
      <c r="EG10" s="60" t="s">
        <v>23</v>
      </c>
      <c r="EH10" s="15" t="s">
        <v>23</v>
      </c>
      <c r="EI10" s="16" t="s">
        <v>23</v>
      </c>
      <c r="EJ10" s="16" t="s">
        <v>23</v>
      </c>
      <c r="EK10" s="22" t="s">
        <v>23</v>
      </c>
      <c r="EL10" s="15" t="s">
        <v>23</v>
      </c>
      <c r="EM10" s="16" t="s">
        <v>23</v>
      </c>
      <c r="EN10" s="16" t="s">
        <v>23</v>
      </c>
      <c r="EO10" s="22" t="s">
        <v>23</v>
      </c>
      <c r="EP10" s="15" t="s">
        <v>23</v>
      </c>
      <c r="EQ10" s="16" t="s">
        <v>23</v>
      </c>
      <c r="ER10" s="16" t="s">
        <v>23</v>
      </c>
      <c r="ES10" s="22" t="s">
        <v>23</v>
      </c>
      <c r="ET10" s="15" t="s">
        <v>23</v>
      </c>
      <c r="EU10" s="16" t="s">
        <v>23</v>
      </c>
      <c r="EV10" s="16" t="s">
        <v>23</v>
      </c>
      <c r="EW10" s="22" t="s">
        <v>23</v>
      </c>
      <c r="EX10" s="15" t="s">
        <v>23</v>
      </c>
      <c r="EY10" s="16" t="s">
        <v>23</v>
      </c>
      <c r="EZ10" s="16" t="s">
        <v>23</v>
      </c>
      <c r="FA10" s="60" t="s">
        <v>23</v>
      </c>
      <c r="FB10" s="15" t="s">
        <v>23</v>
      </c>
      <c r="FC10" s="16" t="s">
        <v>23</v>
      </c>
      <c r="FD10" s="16" t="s">
        <v>23</v>
      </c>
      <c r="FE10" s="22" t="s">
        <v>23</v>
      </c>
      <c r="FF10" s="15" t="s">
        <v>23</v>
      </c>
      <c r="FG10" s="16" t="s">
        <v>23</v>
      </c>
      <c r="FH10" s="16" t="s">
        <v>23</v>
      </c>
      <c r="FI10" s="22" t="s">
        <v>23</v>
      </c>
      <c r="FJ10" s="15" t="s">
        <v>23</v>
      </c>
      <c r="FK10" s="16" t="s">
        <v>23</v>
      </c>
      <c r="FL10" s="16" t="s">
        <v>23</v>
      </c>
      <c r="FM10" s="22" t="s">
        <v>23</v>
      </c>
      <c r="FN10" s="15" t="s">
        <v>23</v>
      </c>
      <c r="FO10" s="57" t="s">
        <v>23</v>
      </c>
      <c r="FP10" s="16" t="s">
        <v>23</v>
      </c>
      <c r="FQ10" s="61" t="s">
        <v>23</v>
      </c>
      <c r="FR10" s="174"/>
      <c r="FS10" s="176"/>
      <c r="FT10" s="178"/>
      <c r="FU10" s="59" t="s">
        <v>23</v>
      </c>
      <c r="FV10" s="15"/>
      <c r="FW10" s="16"/>
      <c r="FX10" s="16"/>
      <c r="FY10" s="22"/>
      <c r="FZ10" s="15" t="s">
        <v>23</v>
      </c>
      <c r="GA10" s="22" t="s">
        <v>23</v>
      </c>
      <c r="GB10" s="15"/>
      <c r="GC10" s="16"/>
      <c r="GD10" s="16"/>
      <c r="GE10" s="22"/>
      <c r="GF10" s="15"/>
      <c r="GG10" s="16"/>
      <c r="GH10" s="16"/>
      <c r="GI10" s="16"/>
      <c r="GJ10" s="174"/>
      <c r="GK10" s="176"/>
      <c r="GL10" s="178"/>
      <c r="GM10" s="56" t="s">
        <v>23</v>
      </c>
      <c r="GN10" s="57" t="s">
        <v>23</v>
      </c>
      <c r="GO10" s="57" t="s">
        <v>23</v>
      </c>
      <c r="GP10" s="58" t="s">
        <v>23</v>
      </c>
      <c r="GQ10" s="59" t="s">
        <v>23</v>
      </c>
      <c r="GR10" s="57" t="s">
        <v>23</v>
      </c>
      <c r="GS10" s="57" t="s">
        <v>23</v>
      </c>
      <c r="GT10" s="60" t="s">
        <v>23</v>
      </c>
      <c r="GU10" s="103" t="s">
        <v>70</v>
      </c>
      <c r="GV10" s="110" t="s">
        <v>70</v>
      </c>
      <c r="GW10" s="110" t="s">
        <v>70</v>
      </c>
      <c r="GX10" s="62" t="s">
        <v>70</v>
      </c>
      <c r="GY10" s="59" t="s">
        <v>23</v>
      </c>
      <c r="GZ10" s="57" t="s">
        <v>23</v>
      </c>
      <c r="HA10" s="57" t="s">
        <v>23</v>
      </c>
      <c r="HB10" s="58" t="s">
        <v>23</v>
      </c>
      <c r="HC10" s="59" t="s">
        <v>23</v>
      </c>
      <c r="HD10" s="57" t="s">
        <v>23</v>
      </c>
      <c r="HE10" s="57" t="s">
        <v>23</v>
      </c>
      <c r="HF10" s="60" t="s">
        <v>23</v>
      </c>
      <c r="HG10" s="103" t="s">
        <v>70</v>
      </c>
      <c r="HH10" s="103" t="s">
        <v>70</v>
      </c>
      <c r="HI10" s="103" t="s">
        <v>70</v>
      </c>
      <c r="HJ10" s="60" t="s">
        <v>70</v>
      </c>
      <c r="HK10" s="59" t="s">
        <v>23</v>
      </c>
      <c r="HL10" s="57" t="s">
        <v>23</v>
      </c>
      <c r="HM10" s="57" t="s">
        <v>23</v>
      </c>
      <c r="HN10" s="58" t="s">
        <v>23</v>
      </c>
      <c r="HO10" s="59" t="s">
        <v>23</v>
      </c>
      <c r="HP10" s="57" t="s">
        <v>23</v>
      </c>
      <c r="HQ10" s="57" t="s">
        <v>23</v>
      </c>
      <c r="HR10" s="60" t="s">
        <v>23</v>
      </c>
      <c r="HS10" s="289"/>
      <c r="HT10" s="254"/>
      <c r="HU10" s="252"/>
      <c r="HV10" s="205"/>
      <c r="HW10" s="192"/>
      <c r="HX10" s="232"/>
      <c r="HY10" s="19"/>
      <c r="HZ10" s="16"/>
      <c r="IA10" s="20"/>
      <c r="IB10" s="75"/>
      <c r="IC10" s="76"/>
      <c r="ID10" s="76"/>
      <c r="IE10" s="77"/>
      <c r="IF10" s="75"/>
      <c r="IG10" s="76"/>
      <c r="IH10" s="76"/>
      <c r="II10" s="77"/>
      <c r="IJ10" s="15"/>
      <c r="IK10" s="16"/>
      <c r="IL10" s="16"/>
      <c r="IM10" s="15"/>
      <c r="IN10" s="16"/>
      <c r="IO10" s="16"/>
      <c r="IP10" s="23"/>
      <c r="IQ10" s="15"/>
      <c r="IR10" s="16"/>
      <c r="IS10" s="16"/>
      <c r="IT10" s="23"/>
      <c r="IU10" s="15"/>
      <c r="IV10" s="23"/>
      <c r="IW10" s="174"/>
      <c r="IX10" s="178"/>
      <c r="IY10" s="19"/>
      <c r="IZ10" s="16"/>
      <c r="JA10" s="16"/>
      <c r="JB10" s="22"/>
      <c r="JC10" s="15"/>
      <c r="JD10" s="16"/>
      <c r="JE10" s="16"/>
      <c r="JF10" s="22"/>
      <c r="JG10" s="15" t="s">
        <v>23</v>
      </c>
      <c r="JH10" s="16" t="s">
        <v>23</v>
      </c>
      <c r="JI10" s="16" t="s">
        <v>23</v>
      </c>
      <c r="JJ10" s="22" t="s">
        <v>23</v>
      </c>
      <c r="JK10" s="112"/>
      <c r="JL10" s="113"/>
      <c r="JM10" s="113"/>
      <c r="JN10" s="114"/>
      <c r="JO10" s="114"/>
      <c r="JP10" s="113"/>
      <c r="JQ10" s="113"/>
      <c r="JR10" s="114"/>
      <c r="JS10" s="114"/>
      <c r="JT10" s="114"/>
      <c r="JU10" s="34"/>
      <c r="JV10" s="174"/>
      <c r="JW10" s="176"/>
      <c r="JX10" s="178"/>
      <c r="JY10" s="205"/>
      <c r="JZ10" s="192"/>
      <c r="KA10" s="239"/>
      <c r="KB10" s="247"/>
      <c r="KC10" s="256"/>
      <c r="KD10" s="234"/>
    </row>
    <row r="11" spans="1:290" s="95" customFormat="1" ht="7.5" customHeight="1" thickTop="1" x14ac:dyDescent="0.15">
      <c r="A11" s="99"/>
      <c r="B11" s="149"/>
      <c r="C11" s="130"/>
      <c r="D11" s="131"/>
      <c r="E11" s="131"/>
      <c r="F11" s="132"/>
      <c r="G11" s="130"/>
      <c r="H11" s="131"/>
      <c r="I11" s="131"/>
      <c r="J11" s="133"/>
      <c r="K11" s="134"/>
      <c r="L11" s="134"/>
      <c r="M11" s="134"/>
      <c r="N11" s="134"/>
      <c r="O11" s="130"/>
      <c r="P11" s="131"/>
      <c r="Q11" s="131"/>
      <c r="R11" s="132"/>
      <c r="S11" s="130"/>
      <c r="T11" s="131"/>
      <c r="U11" s="131"/>
      <c r="V11" s="132"/>
      <c r="W11" s="130"/>
      <c r="X11" s="131"/>
      <c r="Y11" s="131"/>
      <c r="Z11" s="132"/>
      <c r="AA11" s="130"/>
      <c r="AB11" s="131"/>
      <c r="AC11" s="131"/>
      <c r="AD11" s="132"/>
      <c r="AE11" s="135"/>
      <c r="AF11" s="136"/>
      <c r="AG11" s="136"/>
      <c r="AH11" s="137"/>
      <c r="AI11" s="131"/>
      <c r="AJ11" s="131"/>
      <c r="AK11" s="133"/>
      <c r="AL11" s="130"/>
      <c r="AM11" s="131"/>
      <c r="AN11" s="131"/>
      <c r="AO11" s="132"/>
      <c r="AP11" s="130"/>
      <c r="AQ11" s="131"/>
      <c r="AR11" s="131"/>
      <c r="AS11" s="132"/>
      <c r="AT11" s="130"/>
      <c r="AU11" s="131"/>
      <c r="AV11" s="131"/>
      <c r="AW11" s="132"/>
      <c r="AX11" s="130"/>
      <c r="AY11" s="131"/>
      <c r="AZ11" s="131"/>
      <c r="BA11" s="132"/>
      <c r="BB11" s="135"/>
      <c r="BC11" s="135"/>
      <c r="BD11" s="137"/>
      <c r="BE11" s="130"/>
      <c r="BF11" s="131"/>
      <c r="BG11" s="130"/>
      <c r="BH11" s="131"/>
      <c r="BI11" s="130"/>
      <c r="BJ11" s="131"/>
      <c r="BK11" s="131"/>
      <c r="BL11" s="133"/>
      <c r="BM11" s="130"/>
      <c r="BN11" s="131"/>
      <c r="BO11" s="131"/>
      <c r="BP11" s="133"/>
      <c r="BQ11" s="130"/>
      <c r="BR11" s="131"/>
      <c r="BS11" s="131"/>
      <c r="BT11" s="133"/>
      <c r="BU11" s="130"/>
      <c r="BV11" s="131"/>
      <c r="BW11" s="131"/>
      <c r="BX11" s="138"/>
      <c r="BY11" s="135"/>
      <c r="BZ11" s="136"/>
      <c r="CA11" s="136"/>
      <c r="CB11" s="139"/>
      <c r="CC11" s="131"/>
      <c r="CD11" s="131"/>
      <c r="CE11" s="131"/>
      <c r="CF11" s="133"/>
      <c r="CG11" s="130"/>
      <c r="CH11" s="131"/>
      <c r="CI11" s="131"/>
      <c r="CJ11" s="133"/>
      <c r="CK11" s="130"/>
      <c r="CL11" s="131"/>
      <c r="CM11" s="131"/>
      <c r="CN11" s="133"/>
      <c r="CO11" s="130"/>
      <c r="CP11" s="131"/>
      <c r="CQ11" s="131"/>
      <c r="CR11" s="133"/>
      <c r="CS11" s="130"/>
      <c r="CT11" s="131"/>
      <c r="CU11" s="138"/>
      <c r="CV11" s="135"/>
      <c r="CW11" s="136"/>
      <c r="CX11" s="136"/>
      <c r="CY11" s="137"/>
      <c r="CZ11" s="131"/>
      <c r="DA11" s="131"/>
      <c r="DB11" s="132"/>
      <c r="DC11" s="130"/>
      <c r="DD11" s="131"/>
      <c r="DE11" s="131"/>
      <c r="DF11" s="133"/>
      <c r="DG11" s="130"/>
      <c r="DH11" s="131"/>
      <c r="DI11" s="131"/>
      <c r="DJ11" s="133"/>
      <c r="DK11" s="130"/>
      <c r="DL11" s="131"/>
      <c r="DM11" s="131"/>
      <c r="DN11" s="133"/>
      <c r="DO11" s="130"/>
      <c r="DP11" s="131"/>
      <c r="DQ11" s="131"/>
      <c r="DR11" s="140"/>
      <c r="DS11" s="135"/>
      <c r="DT11" s="136"/>
      <c r="DU11" s="136"/>
      <c r="DV11" s="139"/>
      <c r="DW11" s="131"/>
      <c r="DX11" s="131"/>
      <c r="DY11" s="133"/>
      <c r="DZ11" s="130"/>
      <c r="EA11" s="131"/>
      <c r="EB11" s="131"/>
      <c r="EC11" s="133"/>
      <c r="ED11" s="130"/>
      <c r="EE11" s="131"/>
      <c r="EF11" s="131"/>
      <c r="EG11" s="133"/>
      <c r="EH11" s="130"/>
      <c r="EI11" s="131"/>
      <c r="EJ11" s="131"/>
      <c r="EK11" s="133"/>
      <c r="EL11" s="130"/>
      <c r="EM11" s="131"/>
      <c r="EN11" s="131"/>
      <c r="EO11" s="133"/>
      <c r="EP11" s="130"/>
      <c r="EQ11" s="131"/>
      <c r="ER11" s="131"/>
      <c r="ES11" s="133"/>
      <c r="ET11" s="130"/>
      <c r="EU11" s="131"/>
      <c r="EV11" s="131"/>
      <c r="EW11" s="133"/>
      <c r="EX11" s="130"/>
      <c r="EY11" s="131"/>
      <c r="EZ11" s="131"/>
      <c r="FA11" s="133"/>
      <c r="FB11" s="130"/>
      <c r="FC11" s="131"/>
      <c r="FD11" s="131"/>
      <c r="FE11" s="133"/>
      <c r="FF11" s="130"/>
      <c r="FG11" s="131"/>
      <c r="FH11" s="131"/>
      <c r="FI11" s="133"/>
      <c r="FJ11" s="130"/>
      <c r="FK11" s="131"/>
      <c r="FL11" s="131"/>
      <c r="FM11" s="133"/>
      <c r="FN11" s="130"/>
      <c r="FO11" s="131"/>
      <c r="FP11" s="131"/>
      <c r="FQ11" s="138"/>
      <c r="FR11" s="135"/>
      <c r="FS11" s="136"/>
      <c r="FT11" s="136"/>
      <c r="FU11" s="139"/>
      <c r="FV11" s="130"/>
      <c r="FW11" s="131"/>
      <c r="FX11" s="131"/>
      <c r="FY11" s="133"/>
      <c r="FZ11" s="130"/>
      <c r="GA11" s="133"/>
      <c r="GB11" s="130"/>
      <c r="GC11" s="131"/>
      <c r="GD11" s="131"/>
      <c r="GE11" s="133"/>
      <c r="GF11" s="130"/>
      <c r="GG11" s="131"/>
      <c r="GH11" s="131"/>
      <c r="GI11" s="132"/>
      <c r="GJ11" s="135"/>
      <c r="GK11" s="136"/>
      <c r="GL11" s="136"/>
      <c r="GM11" s="137"/>
      <c r="GN11" s="131"/>
      <c r="GO11" s="131"/>
      <c r="GP11" s="162"/>
      <c r="GQ11" s="139"/>
      <c r="GR11" s="131"/>
      <c r="GS11" s="131"/>
      <c r="GT11" s="133"/>
      <c r="GU11" s="134"/>
      <c r="GV11" s="134"/>
      <c r="GW11" s="134"/>
      <c r="GX11" s="163"/>
      <c r="GY11" s="139"/>
      <c r="GZ11" s="131"/>
      <c r="HA11" s="131"/>
      <c r="HB11" s="162"/>
      <c r="HC11" s="139"/>
      <c r="HD11" s="131"/>
      <c r="HE11" s="131"/>
      <c r="HF11" s="133"/>
      <c r="HG11" s="134"/>
      <c r="HH11" s="134"/>
      <c r="HI11" s="134"/>
      <c r="HJ11" s="163"/>
      <c r="HK11" s="139"/>
      <c r="HL11" s="131"/>
      <c r="HM11" s="131"/>
      <c r="HN11" s="162"/>
      <c r="HO11" s="139"/>
      <c r="HP11" s="131"/>
      <c r="HQ11" s="131"/>
      <c r="HR11" s="133"/>
      <c r="HS11" s="111"/>
      <c r="HT11" s="111"/>
      <c r="HU11" s="164"/>
      <c r="HV11" s="135"/>
      <c r="HW11" s="136"/>
      <c r="HX11" s="141"/>
      <c r="HY11" s="137"/>
      <c r="HZ11" s="131"/>
      <c r="IA11" s="133"/>
      <c r="IB11" s="130"/>
      <c r="IC11" s="131"/>
      <c r="ID11" s="131"/>
      <c r="IE11" s="132"/>
      <c r="IF11" s="130"/>
      <c r="IG11" s="131"/>
      <c r="IH11" s="131"/>
      <c r="II11" s="132"/>
      <c r="IJ11" s="130"/>
      <c r="IK11" s="131"/>
      <c r="IL11" s="132"/>
      <c r="IM11" s="130"/>
      <c r="IN11" s="131"/>
      <c r="IO11" s="131"/>
      <c r="IP11" s="132"/>
      <c r="IQ11" s="130"/>
      <c r="IR11" s="131"/>
      <c r="IS11" s="131"/>
      <c r="IT11" s="132"/>
      <c r="IU11" s="130"/>
      <c r="IV11" s="132"/>
      <c r="IW11" s="135"/>
      <c r="IX11" s="136"/>
      <c r="IY11" s="137"/>
      <c r="IZ11" s="131"/>
      <c r="JA11" s="131"/>
      <c r="JB11" s="133"/>
      <c r="JC11" s="130"/>
      <c r="JD11" s="131"/>
      <c r="JE11" s="131"/>
      <c r="JF11" s="133"/>
      <c r="JG11" s="130"/>
      <c r="JH11" s="131"/>
      <c r="JI11" s="131"/>
      <c r="JJ11" s="133"/>
      <c r="JK11" s="130"/>
      <c r="JL11" s="131"/>
      <c r="JM11" s="131"/>
      <c r="JN11" s="131"/>
      <c r="JO11" s="139"/>
      <c r="JP11" s="131"/>
      <c r="JQ11" s="131"/>
      <c r="JR11" s="131"/>
      <c r="JS11" s="139"/>
      <c r="JT11" s="131"/>
      <c r="JU11" s="111"/>
      <c r="JV11" s="135"/>
      <c r="JW11" s="136"/>
      <c r="JX11" s="136"/>
      <c r="JY11" s="135"/>
      <c r="JZ11" s="136"/>
      <c r="KA11" s="141"/>
      <c r="KB11" s="142"/>
      <c r="KC11" s="136"/>
      <c r="KD11" s="143"/>
    </row>
    <row r="12" spans="1:290" s="100" customFormat="1" ht="33.75" customHeight="1" thickBot="1" x14ac:dyDescent="0.2">
      <c r="A12" s="148" t="s">
        <v>1</v>
      </c>
      <c r="B12" s="156">
        <v>547211</v>
      </c>
      <c r="C12" s="144">
        <v>5</v>
      </c>
      <c r="D12" s="144">
        <v>5</v>
      </c>
      <c r="E12" s="144">
        <v>5</v>
      </c>
      <c r="F12" s="144">
        <v>5</v>
      </c>
      <c r="G12" s="144">
        <v>5</v>
      </c>
      <c r="H12" s="144">
        <v>5</v>
      </c>
      <c r="I12" s="144">
        <v>5</v>
      </c>
      <c r="J12" s="144">
        <v>5</v>
      </c>
      <c r="K12" s="144">
        <v>5</v>
      </c>
      <c r="L12" s="144">
        <v>5</v>
      </c>
      <c r="M12" s="144">
        <v>5</v>
      </c>
      <c r="N12" s="144">
        <v>5</v>
      </c>
      <c r="O12" s="144">
        <v>10</v>
      </c>
      <c r="P12" s="144">
        <v>10</v>
      </c>
      <c r="Q12" s="144">
        <v>10</v>
      </c>
      <c r="R12" s="144">
        <v>10</v>
      </c>
      <c r="S12" s="144">
        <v>5</v>
      </c>
      <c r="T12" s="144">
        <v>5</v>
      </c>
      <c r="U12" s="144">
        <v>5</v>
      </c>
      <c r="V12" s="144">
        <v>5</v>
      </c>
      <c r="W12" s="144">
        <v>5</v>
      </c>
      <c r="X12" s="144">
        <v>0</v>
      </c>
      <c r="Y12" s="144">
        <v>0</v>
      </c>
      <c r="Z12" s="144">
        <v>5</v>
      </c>
      <c r="AA12" s="144">
        <v>0</v>
      </c>
      <c r="AB12" s="144">
        <v>0</v>
      </c>
      <c r="AC12" s="144">
        <v>0</v>
      </c>
      <c r="AD12" s="144">
        <v>0</v>
      </c>
      <c r="AE12" s="145">
        <v>110</v>
      </c>
      <c r="AF12" s="145">
        <v>20</v>
      </c>
      <c r="AG12" s="145">
        <v>130</v>
      </c>
      <c r="AH12" s="144">
        <v>5</v>
      </c>
      <c r="AI12" s="144">
        <v>5</v>
      </c>
      <c r="AJ12" s="144">
        <v>5</v>
      </c>
      <c r="AK12" s="144">
        <v>5</v>
      </c>
      <c r="AL12" s="144">
        <v>5</v>
      </c>
      <c r="AM12" s="144">
        <v>0</v>
      </c>
      <c r="AN12" s="144">
        <v>0</v>
      </c>
      <c r="AO12" s="144">
        <v>0</v>
      </c>
      <c r="AP12" s="144">
        <v>5</v>
      </c>
      <c r="AQ12" s="144">
        <v>5</v>
      </c>
      <c r="AR12" s="144">
        <v>0</v>
      </c>
      <c r="AS12" s="144">
        <v>0</v>
      </c>
      <c r="AT12" s="144">
        <v>5</v>
      </c>
      <c r="AU12" s="144">
        <v>5</v>
      </c>
      <c r="AV12" s="144">
        <v>5</v>
      </c>
      <c r="AW12" s="144">
        <v>0</v>
      </c>
      <c r="AX12" s="144">
        <v>0</v>
      </c>
      <c r="AY12" s="144">
        <v>0</v>
      </c>
      <c r="AZ12" s="144">
        <v>0</v>
      </c>
      <c r="BA12" s="144">
        <v>5</v>
      </c>
      <c r="BB12" s="161">
        <v>55</v>
      </c>
      <c r="BC12" s="160">
        <v>55</v>
      </c>
      <c r="BD12" s="144">
        <v>5</v>
      </c>
      <c r="BE12" s="144">
        <v>0</v>
      </c>
      <c r="BF12" s="144">
        <v>0</v>
      </c>
      <c r="BG12" s="144">
        <v>10</v>
      </c>
      <c r="BH12" s="144">
        <v>10</v>
      </c>
      <c r="BI12" s="146">
        <v>10</v>
      </c>
      <c r="BJ12" s="146">
        <v>0</v>
      </c>
      <c r="BK12" s="146">
        <v>0</v>
      </c>
      <c r="BL12" s="146">
        <v>0</v>
      </c>
      <c r="BM12" s="144">
        <v>5</v>
      </c>
      <c r="BN12" s="144">
        <v>5</v>
      </c>
      <c r="BO12" s="144">
        <v>5</v>
      </c>
      <c r="BP12" s="144">
        <v>5</v>
      </c>
      <c r="BQ12" s="144">
        <v>0</v>
      </c>
      <c r="BR12" s="144">
        <v>0</v>
      </c>
      <c r="BS12" s="144">
        <v>0</v>
      </c>
      <c r="BT12" s="144">
        <v>0</v>
      </c>
      <c r="BU12" s="144">
        <v>10</v>
      </c>
      <c r="BV12" s="144">
        <v>10</v>
      </c>
      <c r="BW12" s="144">
        <v>10</v>
      </c>
      <c r="BX12" s="144">
        <v>10</v>
      </c>
      <c r="BY12" s="145">
        <v>60</v>
      </c>
      <c r="BZ12" s="145">
        <v>35</v>
      </c>
      <c r="CA12" s="145">
        <v>95</v>
      </c>
      <c r="CB12" s="144">
        <v>5</v>
      </c>
      <c r="CC12" s="144">
        <v>5</v>
      </c>
      <c r="CD12" s="144">
        <v>5</v>
      </c>
      <c r="CE12" s="144">
        <v>5</v>
      </c>
      <c r="CF12" s="144">
        <v>0</v>
      </c>
      <c r="CG12" s="144">
        <v>5</v>
      </c>
      <c r="CH12" s="144">
        <v>5</v>
      </c>
      <c r="CI12" s="144">
        <v>0</v>
      </c>
      <c r="CJ12" s="144">
        <v>0</v>
      </c>
      <c r="CK12" s="144">
        <v>5</v>
      </c>
      <c r="CL12" s="144">
        <v>5</v>
      </c>
      <c r="CM12" s="144">
        <v>5</v>
      </c>
      <c r="CN12" s="144">
        <v>5</v>
      </c>
      <c r="CO12" s="144">
        <v>10</v>
      </c>
      <c r="CP12" s="144">
        <v>10</v>
      </c>
      <c r="CQ12" s="144">
        <v>10</v>
      </c>
      <c r="CR12" s="144">
        <v>10</v>
      </c>
      <c r="CS12" s="144">
        <v>5</v>
      </c>
      <c r="CT12" s="144">
        <v>0</v>
      </c>
      <c r="CU12" s="144">
        <v>0</v>
      </c>
      <c r="CV12" s="145">
        <v>75</v>
      </c>
      <c r="CW12" s="145">
        <v>20</v>
      </c>
      <c r="CX12" s="145">
        <v>95</v>
      </c>
      <c r="CY12" s="144">
        <v>5</v>
      </c>
      <c r="CZ12" s="144">
        <v>5</v>
      </c>
      <c r="DA12" s="144">
        <v>5</v>
      </c>
      <c r="DB12" s="144">
        <v>0</v>
      </c>
      <c r="DC12" s="144">
        <v>10</v>
      </c>
      <c r="DD12" s="144">
        <v>10</v>
      </c>
      <c r="DE12" s="144">
        <v>10</v>
      </c>
      <c r="DF12" s="144">
        <v>10</v>
      </c>
      <c r="DG12" s="144">
        <v>10</v>
      </c>
      <c r="DH12" s="144">
        <v>10</v>
      </c>
      <c r="DI12" s="144">
        <v>10</v>
      </c>
      <c r="DJ12" s="144">
        <v>10</v>
      </c>
      <c r="DK12" s="144">
        <v>5</v>
      </c>
      <c r="DL12" s="144">
        <v>5</v>
      </c>
      <c r="DM12" s="144">
        <v>5</v>
      </c>
      <c r="DN12" s="144">
        <v>5</v>
      </c>
      <c r="DO12" s="144">
        <v>0</v>
      </c>
      <c r="DP12" s="144">
        <v>0</v>
      </c>
      <c r="DQ12" s="144">
        <v>0</v>
      </c>
      <c r="DR12" s="144">
        <v>0</v>
      </c>
      <c r="DS12" s="145">
        <v>75</v>
      </c>
      <c r="DT12" s="145">
        <v>40</v>
      </c>
      <c r="DU12" s="145">
        <v>115</v>
      </c>
      <c r="DV12" s="144">
        <v>0</v>
      </c>
      <c r="DW12" s="144">
        <v>0</v>
      </c>
      <c r="DX12" s="144">
        <v>0</v>
      </c>
      <c r="DY12" s="144">
        <v>0</v>
      </c>
      <c r="DZ12" s="144">
        <v>10</v>
      </c>
      <c r="EA12" s="144">
        <v>0</v>
      </c>
      <c r="EB12" s="144">
        <v>10</v>
      </c>
      <c r="EC12" s="144">
        <v>10</v>
      </c>
      <c r="ED12" s="146">
        <v>15</v>
      </c>
      <c r="EE12" s="146">
        <v>15</v>
      </c>
      <c r="EF12" s="146">
        <v>15</v>
      </c>
      <c r="EG12" s="146">
        <v>15</v>
      </c>
      <c r="EH12" s="144">
        <v>15</v>
      </c>
      <c r="EI12" s="144">
        <v>0</v>
      </c>
      <c r="EJ12" s="144">
        <v>0</v>
      </c>
      <c r="EK12" s="144">
        <v>0</v>
      </c>
      <c r="EL12" s="144">
        <v>10</v>
      </c>
      <c r="EM12" s="144">
        <v>10</v>
      </c>
      <c r="EN12" s="144">
        <v>10</v>
      </c>
      <c r="EO12" s="144">
        <v>10</v>
      </c>
      <c r="EP12" s="144">
        <v>0</v>
      </c>
      <c r="EQ12" s="144">
        <v>0</v>
      </c>
      <c r="ER12" s="144">
        <v>0</v>
      </c>
      <c r="ES12" s="144">
        <v>0</v>
      </c>
      <c r="ET12" s="144">
        <v>10</v>
      </c>
      <c r="EU12" s="144">
        <v>10</v>
      </c>
      <c r="EV12" s="144">
        <v>0</v>
      </c>
      <c r="EW12" s="144">
        <v>0</v>
      </c>
      <c r="EX12" s="144">
        <v>15</v>
      </c>
      <c r="EY12" s="144">
        <v>15</v>
      </c>
      <c r="EZ12" s="144">
        <v>0</v>
      </c>
      <c r="FA12" s="146" t="s">
        <v>79</v>
      </c>
      <c r="FB12" s="144">
        <v>0</v>
      </c>
      <c r="FC12" s="144">
        <v>10</v>
      </c>
      <c r="FD12" s="144">
        <v>10</v>
      </c>
      <c r="FE12" s="144">
        <v>10</v>
      </c>
      <c r="FF12" s="144">
        <v>10</v>
      </c>
      <c r="FG12" s="144">
        <v>10</v>
      </c>
      <c r="FH12" s="144">
        <v>10</v>
      </c>
      <c r="FI12" s="144">
        <v>10</v>
      </c>
      <c r="FJ12" s="144">
        <v>0</v>
      </c>
      <c r="FK12" s="144">
        <v>0</v>
      </c>
      <c r="FL12" s="144">
        <v>0</v>
      </c>
      <c r="FM12" s="144">
        <v>0</v>
      </c>
      <c r="FN12" s="144">
        <v>15</v>
      </c>
      <c r="FO12" s="146" t="s">
        <v>79</v>
      </c>
      <c r="FP12" s="144">
        <v>0</v>
      </c>
      <c r="FQ12" s="146" t="s">
        <v>79</v>
      </c>
      <c r="FR12" s="145">
        <v>120</v>
      </c>
      <c r="FS12" s="145">
        <v>160</v>
      </c>
      <c r="FT12" s="145">
        <v>280</v>
      </c>
      <c r="FU12" s="146">
        <v>0</v>
      </c>
      <c r="FV12" s="144">
        <v>5</v>
      </c>
      <c r="FW12" s="144">
        <v>5</v>
      </c>
      <c r="FX12" s="144">
        <v>5</v>
      </c>
      <c r="FY12" s="144">
        <v>5</v>
      </c>
      <c r="FZ12" s="144">
        <v>10</v>
      </c>
      <c r="GA12" s="144">
        <v>10</v>
      </c>
      <c r="GB12" s="144">
        <v>5</v>
      </c>
      <c r="GC12" s="144">
        <v>0</v>
      </c>
      <c r="GD12" s="144">
        <v>0</v>
      </c>
      <c r="GE12" s="144">
        <v>5</v>
      </c>
      <c r="GF12" s="144">
        <v>5</v>
      </c>
      <c r="GG12" s="144">
        <v>0</v>
      </c>
      <c r="GH12" s="144">
        <v>0</v>
      </c>
      <c r="GI12" s="144">
        <v>0</v>
      </c>
      <c r="GJ12" s="145">
        <v>45</v>
      </c>
      <c r="GK12" s="145">
        <v>10</v>
      </c>
      <c r="GL12" s="145">
        <v>55</v>
      </c>
      <c r="GM12" s="146">
        <v>30</v>
      </c>
      <c r="GN12" s="146">
        <v>30</v>
      </c>
      <c r="GO12" s="146">
        <v>30</v>
      </c>
      <c r="GP12" s="146">
        <v>0</v>
      </c>
      <c r="GQ12" s="146">
        <v>0</v>
      </c>
      <c r="GR12" s="146">
        <v>0</v>
      </c>
      <c r="GS12" s="146">
        <v>0</v>
      </c>
      <c r="GT12" s="146">
        <v>0</v>
      </c>
      <c r="GU12" s="146">
        <v>30</v>
      </c>
      <c r="GV12" s="146">
        <v>30</v>
      </c>
      <c r="GW12" s="146">
        <v>30</v>
      </c>
      <c r="GX12" s="146">
        <v>30</v>
      </c>
      <c r="GY12" s="146">
        <v>30</v>
      </c>
      <c r="GZ12" s="146">
        <v>0</v>
      </c>
      <c r="HA12" s="146">
        <v>0</v>
      </c>
      <c r="HB12" s="146">
        <v>0</v>
      </c>
      <c r="HC12" s="146">
        <v>0</v>
      </c>
      <c r="HD12" s="146">
        <v>0</v>
      </c>
      <c r="HE12" s="146">
        <v>0</v>
      </c>
      <c r="HF12" s="146">
        <v>0</v>
      </c>
      <c r="HG12" s="146">
        <v>30</v>
      </c>
      <c r="HH12" s="146">
        <v>30</v>
      </c>
      <c r="HI12" s="146">
        <v>30</v>
      </c>
      <c r="HJ12" s="146">
        <v>0</v>
      </c>
      <c r="HK12" s="146">
        <v>30</v>
      </c>
      <c r="HL12" s="146">
        <v>30</v>
      </c>
      <c r="HM12" s="146">
        <v>0</v>
      </c>
      <c r="HN12" s="146">
        <v>0</v>
      </c>
      <c r="HO12" s="146">
        <v>0</v>
      </c>
      <c r="HP12" s="146">
        <v>0</v>
      </c>
      <c r="HQ12" s="146">
        <v>0</v>
      </c>
      <c r="HR12" s="146">
        <v>0</v>
      </c>
      <c r="HS12" s="146">
        <v>195</v>
      </c>
      <c r="HT12" s="146">
        <v>195</v>
      </c>
      <c r="HU12" s="146">
        <v>390</v>
      </c>
      <c r="HV12" s="145">
        <v>625</v>
      </c>
      <c r="HW12" s="145">
        <v>460</v>
      </c>
      <c r="HX12" s="145">
        <v>1085</v>
      </c>
      <c r="HY12" s="144">
        <v>5</v>
      </c>
      <c r="HZ12" s="144">
        <v>5</v>
      </c>
      <c r="IA12" s="144">
        <v>5</v>
      </c>
      <c r="IB12" s="147">
        <v>5</v>
      </c>
      <c r="IC12" s="147">
        <v>0</v>
      </c>
      <c r="ID12" s="147">
        <v>0</v>
      </c>
      <c r="IE12" s="147">
        <v>0</v>
      </c>
      <c r="IF12" s="147">
        <v>5</v>
      </c>
      <c r="IG12" s="147">
        <v>5</v>
      </c>
      <c r="IH12" s="147">
        <v>5</v>
      </c>
      <c r="II12" s="147">
        <v>5</v>
      </c>
      <c r="IJ12" s="144">
        <v>5</v>
      </c>
      <c r="IK12" s="144">
        <v>5</v>
      </c>
      <c r="IL12" s="144">
        <v>0</v>
      </c>
      <c r="IM12" s="144">
        <v>5</v>
      </c>
      <c r="IN12" s="144">
        <v>5</v>
      </c>
      <c r="IO12" s="144">
        <v>0</v>
      </c>
      <c r="IP12" s="144">
        <v>0</v>
      </c>
      <c r="IQ12" s="144">
        <v>5</v>
      </c>
      <c r="IR12" s="144">
        <v>0</v>
      </c>
      <c r="IS12" s="144">
        <v>0</v>
      </c>
      <c r="IT12" s="144">
        <v>0</v>
      </c>
      <c r="IU12" s="144">
        <v>5</v>
      </c>
      <c r="IV12" s="144">
        <v>0</v>
      </c>
      <c r="IW12" s="145">
        <v>70</v>
      </c>
      <c r="IX12" s="145">
        <v>70</v>
      </c>
      <c r="IY12" s="144">
        <v>5</v>
      </c>
      <c r="IZ12" s="144">
        <v>5</v>
      </c>
      <c r="JA12" s="144">
        <v>5</v>
      </c>
      <c r="JB12" s="144">
        <v>5</v>
      </c>
      <c r="JC12" s="144">
        <v>5</v>
      </c>
      <c r="JD12" s="144">
        <v>5</v>
      </c>
      <c r="JE12" s="144">
        <v>5</v>
      </c>
      <c r="JF12" s="144">
        <v>5</v>
      </c>
      <c r="JG12" s="144">
        <v>15</v>
      </c>
      <c r="JH12" s="144">
        <v>15</v>
      </c>
      <c r="JI12" s="144">
        <v>15</v>
      </c>
      <c r="JJ12" s="144">
        <v>15</v>
      </c>
      <c r="JK12" s="144">
        <v>1</v>
      </c>
      <c r="JL12" s="144">
        <v>0</v>
      </c>
      <c r="JM12" s="144">
        <v>0</v>
      </c>
      <c r="JN12" s="144">
        <v>1</v>
      </c>
      <c r="JO12" s="144">
        <v>1</v>
      </c>
      <c r="JP12" s="144">
        <v>1</v>
      </c>
      <c r="JQ12" s="144">
        <v>0</v>
      </c>
      <c r="JR12" s="144">
        <v>0</v>
      </c>
      <c r="JS12" s="144">
        <v>3</v>
      </c>
      <c r="JT12" s="144">
        <v>2</v>
      </c>
      <c r="JU12" s="144">
        <v>0</v>
      </c>
      <c r="JV12" s="145">
        <v>69</v>
      </c>
      <c r="JW12" s="145">
        <v>40</v>
      </c>
      <c r="JX12" s="145">
        <v>109</v>
      </c>
      <c r="JY12" s="145">
        <v>139</v>
      </c>
      <c r="JZ12" s="145">
        <v>40</v>
      </c>
      <c r="KA12" s="145">
        <v>179</v>
      </c>
      <c r="KB12" s="145">
        <v>874</v>
      </c>
      <c r="KC12" s="145">
        <v>520</v>
      </c>
      <c r="KD12" s="166">
        <v>1394</v>
      </c>
    </row>
  </sheetData>
  <autoFilter ref="A11:KD12" xr:uid="{00000000-0009-0000-0000-000000000000}"/>
  <mergeCells count="260">
    <mergeCell ref="AH4:AK4"/>
    <mergeCell ref="AL4:AO4"/>
    <mergeCell ref="AG2:AG6"/>
    <mergeCell ref="AE2:AE6"/>
    <mergeCell ref="AH2:HU2"/>
    <mergeCell ref="AP9:AS9"/>
    <mergeCell ref="BE9:BF9"/>
    <mergeCell ref="BU9:BX9"/>
    <mergeCell ref="BI9:BL9"/>
    <mergeCell ref="BZ3:BZ6"/>
    <mergeCell ref="BY3:BY6"/>
    <mergeCell ref="BY7:BY8"/>
    <mergeCell ref="BY9:BY10"/>
    <mergeCell ref="BC3:BC6"/>
    <mergeCell ref="BM9:BP9"/>
    <mergeCell ref="B2:B6"/>
    <mergeCell ref="B7:B8"/>
    <mergeCell ref="B9:B10"/>
    <mergeCell ref="G9:J9"/>
    <mergeCell ref="K4:N4"/>
    <mergeCell ref="W4:Z4"/>
    <mergeCell ref="AF2:AF6"/>
    <mergeCell ref="AE7:AE8"/>
    <mergeCell ref="AF7:AF8"/>
    <mergeCell ref="S4:V4"/>
    <mergeCell ref="AA4:AD4"/>
    <mergeCell ref="BB7:BB8"/>
    <mergeCell ref="BC7:BC8"/>
    <mergeCell ref="CG4:CJ4"/>
    <mergeCell ref="C9:F9"/>
    <mergeCell ref="C2:AD3"/>
    <mergeCell ref="AH3:BA3"/>
    <mergeCell ref="BD3:BX3"/>
    <mergeCell ref="AP4:AS4"/>
    <mergeCell ref="AT4:AW4"/>
    <mergeCell ref="AX4:BA4"/>
    <mergeCell ref="BE4:BF4"/>
    <mergeCell ref="BU4:BX4"/>
    <mergeCell ref="BI4:BL4"/>
    <mergeCell ref="BM4:BP4"/>
    <mergeCell ref="BQ4:BT4"/>
    <mergeCell ref="C4:F4"/>
    <mergeCell ref="G4:J4"/>
    <mergeCell ref="O4:R4"/>
    <mergeCell ref="BC9:BC10"/>
    <mergeCell ref="BB9:BB10"/>
    <mergeCell ref="BG4:BH4"/>
    <mergeCell ref="BG9:BH9"/>
    <mergeCell ref="BB3:BB6"/>
    <mergeCell ref="AG7:AG8"/>
    <mergeCell ref="CA3:CA6"/>
    <mergeCell ref="CB9:CF9"/>
    <mergeCell ref="CA9:CA10"/>
    <mergeCell ref="BZ9:BZ10"/>
    <mergeCell ref="DK9:DN9"/>
    <mergeCell ref="CY9:DB9"/>
    <mergeCell ref="DO9:DR9"/>
    <mergeCell ref="DC9:DF9"/>
    <mergeCell ref="CS9:CU9"/>
    <mergeCell ref="CK9:CN9"/>
    <mergeCell ref="CO9:CR9"/>
    <mergeCell ref="CS4:CU4"/>
    <mergeCell ref="CG9:CJ9"/>
    <mergeCell ref="CX7:CX8"/>
    <mergeCell ref="BZ7:BZ8"/>
    <mergeCell ref="CA7:CA8"/>
    <mergeCell ref="CK4:CN4"/>
    <mergeCell ref="CO4:CR4"/>
    <mergeCell ref="CY4:DB4"/>
    <mergeCell ref="DC4:DF4"/>
    <mergeCell ref="CB4:CF4"/>
    <mergeCell ref="FV4:FY4"/>
    <mergeCell ref="FZ4:GA4"/>
    <mergeCell ref="GU4:GX4"/>
    <mergeCell ref="GU5:GU6"/>
    <mergeCell ref="GV5:GV6"/>
    <mergeCell ref="GW5:GW6"/>
    <mergeCell ref="GK3:GK6"/>
    <mergeCell ref="GL3:GL6"/>
    <mergeCell ref="GJ3:GJ6"/>
    <mergeCell ref="FU3:GI3"/>
    <mergeCell ref="GM3:HR3"/>
    <mergeCell ref="GM5:GP5"/>
    <mergeCell ref="GQ5:GT5"/>
    <mergeCell ref="GY4:HF4"/>
    <mergeCell ref="GY5:HB5"/>
    <mergeCell ref="HC5:HF5"/>
    <mergeCell ref="HK5:HN5"/>
    <mergeCell ref="GX5:GX6"/>
    <mergeCell ref="GM4:GT4"/>
    <mergeCell ref="GF4:GI4"/>
    <mergeCell ref="CB3:CU3"/>
    <mergeCell ref="CY3:DR3"/>
    <mergeCell ref="DV3:FQ3"/>
    <mergeCell ref="FR3:FR6"/>
    <mergeCell ref="FS3:FS6"/>
    <mergeCell ref="FT3:FT6"/>
    <mergeCell ref="FR7:FR8"/>
    <mergeCell ref="FS7:FS8"/>
    <mergeCell ref="FT7:FT8"/>
    <mergeCell ref="ED4:EG4"/>
    <mergeCell ref="EH4:EK4"/>
    <mergeCell ref="DO4:DR4"/>
    <mergeCell ref="EP4:ES4"/>
    <mergeCell ref="DV4:DY4"/>
    <mergeCell ref="DZ4:EC4"/>
    <mergeCell ref="DS7:DS8"/>
    <mergeCell ref="DT7:DT8"/>
    <mergeCell ref="DU7:DU8"/>
    <mergeCell ref="FN4:FQ4"/>
    <mergeCell ref="FJ4:FM4"/>
    <mergeCell ref="FF4:FI4"/>
    <mergeCell ref="DS3:DS6"/>
    <mergeCell ref="DT3:DT6"/>
    <mergeCell ref="DU3:DU6"/>
    <mergeCell ref="HS9:HS10"/>
    <mergeCell ref="EL9:EO9"/>
    <mergeCell ref="HO9:HR9"/>
    <mergeCell ref="HC9:HF9"/>
    <mergeCell ref="GQ9:GT9"/>
    <mergeCell ref="GB9:GE9"/>
    <mergeCell ref="FJ9:FM9"/>
    <mergeCell ref="GL9:GL10"/>
    <mergeCell ref="HG9:HJ9"/>
    <mergeCell ref="GU9:GX9"/>
    <mergeCell ref="GJ9:GJ10"/>
    <mergeCell ref="FB4:FE4"/>
    <mergeCell ref="EL4:EO4"/>
    <mergeCell ref="CV7:CV8"/>
    <mergeCell ref="CW7:CW8"/>
    <mergeCell ref="ET4:EW4"/>
    <mergeCell ref="EX4:FA4"/>
    <mergeCell ref="DG4:DJ4"/>
    <mergeCell ref="DK4:DN4"/>
    <mergeCell ref="CV3:CV6"/>
    <mergeCell ref="CW3:CW6"/>
    <mergeCell ref="CX3:CX6"/>
    <mergeCell ref="GB4:GE4"/>
    <mergeCell ref="HK4:HR4"/>
    <mergeCell ref="HV2:HV6"/>
    <mergeCell ref="HW2:HW6"/>
    <mergeCell ref="HX2:HX6"/>
    <mergeCell ref="HX7:HX8"/>
    <mergeCell ref="HW7:HW8"/>
    <mergeCell ref="HV7:HV8"/>
    <mergeCell ref="GJ7:GJ8"/>
    <mergeCell ref="GK7:GK8"/>
    <mergeCell ref="HS3:HS6"/>
    <mergeCell ref="HT3:HT6"/>
    <mergeCell ref="HS7:HS8"/>
    <mergeCell ref="HT7:HT8"/>
    <mergeCell ref="HG4:HJ4"/>
    <mergeCell ref="HG5:HG6"/>
    <mergeCell ref="HH5:HH6"/>
    <mergeCell ref="HI5:HI6"/>
    <mergeCell ref="HJ5:HJ6"/>
    <mergeCell ref="HO5:HR5"/>
    <mergeCell ref="HK9:HN9"/>
    <mergeCell ref="HU9:HU10"/>
    <mergeCell ref="HT9:HT10"/>
    <mergeCell ref="IW7:IW8"/>
    <mergeCell ref="KC9:KC10"/>
    <mergeCell ref="JK9:JU9"/>
    <mergeCell ref="FT9:FT10"/>
    <mergeCell ref="FS9:FS10"/>
    <mergeCell ref="FV9:FY9"/>
    <mergeCell ref="IU9:IV9"/>
    <mergeCell ref="IJ9:IL9"/>
    <mergeCell ref="IF9:II9"/>
    <mergeCell ref="IB9:IE9"/>
    <mergeCell ref="HY9:IA9"/>
    <mergeCell ref="IY9:JB9"/>
    <mergeCell ref="IM9:IP9"/>
    <mergeCell ref="IQ9:IT9"/>
    <mergeCell ref="IX9:IX10"/>
    <mergeCell ref="IX7:IX8"/>
    <mergeCell ref="GL7:GL8"/>
    <mergeCell ref="GY9:HB9"/>
    <mergeCell ref="GM9:GP9"/>
    <mergeCell ref="GF9:GI9"/>
    <mergeCell ref="KD9:KD10"/>
    <mergeCell ref="KA2:KA6"/>
    <mergeCell ref="JZ9:JZ10"/>
    <mergeCell ref="KA9:KA10"/>
    <mergeCell ref="JV3:JV6"/>
    <mergeCell ref="JW3:JW6"/>
    <mergeCell ref="JX3:JX6"/>
    <mergeCell ref="JV7:JV8"/>
    <mergeCell ref="JW7:JW8"/>
    <mergeCell ref="JX7:JX8"/>
    <mergeCell ref="KB9:KB10"/>
    <mergeCell ref="JX9:JX10"/>
    <mergeCell ref="JW9:JW10"/>
    <mergeCell ref="JV9:JV10"/>
    <mergeCell ref="JY9:JY10"/>
    <mergeCell ref="HU3:HU6"/>
    <mergeCell ref="HU7:HU8"/>
    <mergeCell ref="IJ4:IL4"/>
    <mergeCell ref="JC4:JF4"/>
    <mergeCell ref="JG4:JJ4"/>
    <mergeCell ref="IM4:IP4"/>
    <mergeCell ref="IU4:IV4"/>
    <mergeCell ref="IY4:JB4"/>
    <mergeCell ref="IQ4:IT4"/>
    <mergeCell ref="HY3:IV3"/>
    <mergeCell ref="HY4:IA4"/>
    <mergeCell ref="IB4:IE4"/>
    <mergeCell ref="HY2:JX2"/>
    <mergeCell ref="JK4:JU4"/>
    <mergeCell ref="IY3:JU3"/>
    <mergeCell ref="IW3:IW6"/>
    <mergeCell ref="IX3:IX6"/>
    <mergeCell ref="HW9:HW10"/>
    <mergeCell ref="HV9:HV10"/>
    <mergeCell ref="JC9:JF9"/>
    <mergeCell ref="JG9:JJ9"/>
    <mergeCell ref="IF4:II4"/>
    <mergeCell ref="IW9:IW10"/>
    <mergeCell ref="HX9:HX10"/>
    <mergeCell ref="KB2:KB6"/>
    <mergeCell ref="KC2:KC6"/>
    <mergeCell ref="KD2:KD6"/>
    <mergeCell ref="JZ7:JZ8"/>
    <mergeCell ref="KA7:KA8"/>
    <mergeCell ref="KB7:KB8"/>
    <mergeCell ref="KC7:KC8"/>
    <mergeCell ref="KD7:KD8"/>
    <mergeCell ref="JY2:JY6"/>
    <mergeCell ref="JY7:JY8"/>
    <mergeCell ref="JZ2:JZ6"/>
    <mergeCell ref="GK9:GK10"/>
    <mergeCell ref="FZ9:GA9"/>
    <mergeCell ref="DZ9:EC9"/>
    <mergeCell ref="FF9:FI9"/>
    <mergeCell ref="EP9:ES9"/>
    <mergeCell ref="EX9:FA9"/>
    <mergeCell ref="ET9:EW9"/>
    <mergeCell ref="EH9:EK9"/>
    <mergeCell ref="ED9:EG9"/>
    <mergeCell ref="FB9:FE9"/>
    <mergeCell ref="FR9:FR10"/>
    <mergeCell ref="FN9:FQ9"/>
    <mergeCell ref="DV9:DY9"/>
    <mergeCell ref="CV9:CV10"/>
    <mergeCell ref="CW9:CW10"/>
    <mergeCell ref="CX9:CX10"/>
    <mergeCell ref="AL9:AO9"/>
    <mergeCell ref="AH9:AK9"/>
    <mergeCell ref="O9:R9"/>
    <mergeCell ref="K9:N9"/>
    <mergeCell ref="W9:Z9"/>
    <mergeCell ref="AA9:AD9"/>
    <mergeCell ref="S9:V9"/>
    <mergeCell ref="DG9:DJ9"/>
    <mergeCell ref="BQ9:BT9"/>
    <mergeCell ref="DS9:DS10"/>
    <mergeCell ref="DT9:DT10"/>
    <mergeCell ref="DU9:DU10"/>
    <mergeCell ref="AT9:AW9"/>
    <mergeCell ref="AX9:BA9"/>
  </mergeCells>
  <phoneticPr fontId="12"/>
  <pageMargins left="0.70866141732283472" right="0.70866141732283472" top="0.74803149606299213" bottom="0.74803149606299213" header="0.31496062992125984" footer="0.31496062992125984"/>
  <pageSetup paperSize="8" scale="41" orientation="landscape" r:id="rId1"/>
  <headerFooter>
    <oddHeader>&amp;R&amp;14（別添２）</oddHeader>
  </headerFooter>
  <colBreaks count="4" manualBreakCount="4">
    <brk id="55" max="14" man="1"/>
    <brk id="102" max="14" man="1"/>
    <brk id="176" max="14" man="1"/>
    <brk id="258" max="14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総括表(推進＋支援）</vt:lpstr>
      <vt:lpstr>'総括表(推進＋支援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 聡一郎(iwasaki-souichirou)</dc:creator>
  <cp:lastModifiedBy>遠藤 秀正</cp:lastModifiedBy>
  <cp:lastPrinted>2024-03-19T06:35:27Z</cp:lastPrinted>
  <dcterms:created xsi:type="dcterms:W3CDTF">2021-09-13T10:45:34Z</dcterms:created>
  <dcterms:modified xsi:type="dcterms:W3CDTF">2024-03-25T11:13:28Z</dcterms:modified>
</cp:coreProperties>
</file>